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3"/>
  <workbookPr codeName="ThisWorkbook" defaultThemeVersion="124226"/>
  <bookViews>
    <workbookView xWindow="14340" yWindow="0" windowWidth="4815" windowHeight="8760" tabRatio="855"/>
  </bookViews>
  <sheets>
    <sheet name="0内訳書" sheetId="6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</externalReferences>
  <definedNames>
    <definedName name="_">#REF!</definedName>
    <definedName name="__________tan1">#REF!</definedName>
    <definedName name="_________tan1">#REF!</definedName>
    <definedName name="________RE2">#REF!</definedName>
    <definedName name="________SUB2">#REF!</definedName>
    <definedName name="________SUB3">#REF!</definedName>
    <definedName name="________SUB4">#REF!</definedName>
    <definedName name="________tan1">#REF!</definedName>
    <definedName name="_______BOX01">#REF!</definedName>
    <definedName name="_______BOX02">#REF!</definedName>
    <definedName name="_______BOX03">#REF!</definedName>
    <definedName name="_______BUN2">[1]歩・屋!$E$5:$T$16</definedName>
    <definedName name="_______RE2">#REF!</definedName>
    <definedName name="_______SUB2">#REF!</definedName>
    <definedName name="_______SUB3">#REF!</definedName>
    <definedName name="_______SUB4">#REF!</definedName>
    <definedName name="______BOX01">#REF!</definedName>
    <definedName name="______BOX02">#REF!</definedName>
    <definedName name="______BOX03">#REF!</definedName>
    <definedName name="______BUN2">[1]歩・屋!$E$5:$T$16</definedName>
    <definedName name="______RE2">#REF!</definedName>
    <definedName name="______SON1">#REF!</definedName>
    <definedName name="______son2">#REF!</definedName>
    <definedName name="______SON3">#REF!</definedName>
    <definedName name="______SUB2">#REF!</definedName>
    <definedName name="______SUB3">#REF!</definedName>
    <definedName name="______SUB4">#REF!</definedName>
    <definedName name="______tan1">#REF!</definedName>
    <definedName name="______tan2">#REF!</definedName>
    <definedName name="______tan3">#REF!</definedName>
    <definedName name="_____BOX01">#REF!</definedName>
    <definedName name="_____BOX02">#REF!</definedName>
    <definedName name="_____BOX03">#REF!</definedName>
    <definedName name="_____BUN2">[1]歩・屋!$E$5:$T$16</definedName>
    <definedName name="_____RE2">#REF!</definedName>
    <definedName name="_____SON1">#REF!</definedName>
    <definedName name="_____son2">#REF!</definedName>
    <definedName name="_____SON3">#REF!</definedName>
    <definedName name="_____SUB2">#REF!</definedName>
    <definedName name="_____SUB3">#REF!</definedName>
    <definedName name="_____SUB4">#REF!</definedName>
    <definedName name="_____tan1">#REF!</definedName>
    <definedName name="_____tan2">#REF!</definedName>
    <definedName name="_____tan3">#REF!</definedName>
    <definedName name="____BOX01">#REF!</definedName>
    <definedName name="____BOX02">#REF!</definedName>
    <definedName name="____BOX03">#REF!</definedName>
    <definedName name="____BUN2">[1]歩・屋!$E$5:$T$16</definedName>
    <definedName name="____RE2">#REF!</definedName>
    <definedName name="____SON1">#REF!</definedName>
    <definedName name="____son2">#REF!</definedName>
    <definedName name="____SON3">#REF!</definedName>
    <definedName name="____SUB2">#REF!</definedName>
    <definedName name="____SUB3">#REF!</definedName>
    <definedName name="____SUB4">#REF!</definedName>
    <definedName name="____tan1">#REF!</definedName>
    <definedName name="____tan2">#REF!</definedName>
    <definedName name="____tan3">#REF!</definedName>
    <definedName name="___BOX01">#REF!</definedName>
    <definedName name="___BOX02">#REF!</definedName>
    <definedName name="___BOX03">#REF!</definedName>
    <definedName name="___BUN2">[1]歩・屋!$E$5:$T$16</definedName>
    <definedName name="___RE2">#REF!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2">#REF!</definedName>
    <definedName name="___tan3">#REF!</definedName>
    <definedName name="__123Graph_A外装" localSheetId="0" hidden="1">[2]仮設躯体!#REF!</definedName>
    <definedName name="__123Graph_A外装" hidden="1">[2]仮設躯体!#REF!</definedName>
    <definedName name="__123Graph_A躯体" localSheetId="0" hidden="1">[2]仮設躯体!#REF!</definedName>
    <definedName name="__123Graph_A躯体" hidden="1">[2]仮設躯体!#REF!</definedName>
    <definedName name="__123Graph_A建築" localSheetId="0" hidden="1">[2]仮設躯体!#REF!</definedName>
    <definedName name="__123Graph_A建築" hidden="1">[2]仮設躯体!#REF!</definedName>
    <definedName name="__123Graph_A室内" localSheetId="0" hidden="1">[2]仮設躯体!#REF!</definedName>
    <definedName name="__123Graph_A室内" hidden="1">[2]仮設躯体!#REF!</definedName>
    <definedName name="__123Graph_A土工" localSheetId="0" hidden="1">[2]仮設躯体!#REF!</definedName>
    <definedName name="__123Graph_A土工" hidden="1">[2]仮設躯体!#REF!</definedName>
    <definedName name="__123Graph_A内装" localSheetId="0" hidden="1">[2]仮設躯体!#REF!</definedName>
    <definedName name="__123Graph_A内装" hidden="1">[2]仮設躯体!#REF!</definedName>
    <definedName name="__123Graph_X外装" localSheetId="0" hidden="1">[2]仮設躯体!#REF!</definedName>
    <definedName name="__123Graph_X外装" hidden="1">[2]仮設躯体!#REF!</definedName>
    <definedName name="__123Graph_X躯体" localSheetId="0" hidden="1">[2]仮設躯体!#REF!</definedName>
    <definedName name="__123Graph_X躯体" hidden="1">[2]仮設躯体!#REF!</definedName>
    <definedName name="__123Graph_X建築" localSheetId="0" hidden="1">[2]仮設躯体!#REF!</definedName>
    <definedName name="__123Graph_X建築" hidden="1">[2]仮設躯体!#REF!</definedName>
    <definedName name="__123Graph_X室内" localSheetId="0" hidden="1">[2]仮設躯体!#REF!</definedName>
    <definedName name="__123Graph_X室内" hidden="1">[2]仮設躯体!#REF!</definedName>
    <definedName name="__123Graph_X土工" localSheetId="0" hidden="1">[2]仮設躯体!#REF!</definedName>
    <definedName name="__123Graph_X土工" hidden="1">[2]仮設躯体!#REF!</definedName>
    <definedName name="__123Graph_X内装" localSheetId="0" hidden="1">[2]仮設躯体!#REF!</definedName>
    <definedName name="__123Graph_X内装" hidden="1">[2]仮設躯体!#REF!</definedName>
    <definedName name="__A">#REF!</definedName>
    <definedName name="__BOX01">#REF!</definedName>
    <definedName name="__BOX02">#REF!</definedName>
    <definedName name="__BOX03">#REF!</definedName>
    <definedName name="__BUN2">[1]歩・屋!$E$5:$T$16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0000">#N/A</definedName>
    <definedName name="_1">#REF!</definedName>
    <definedName name="_1000">#REF!</definedName>
    <definedName name="_1010">[3]見積01!#REF!</definedName>
    <definedName name="_1020">[3]見積01!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>[3]見積01!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3">[3]見積01!#REF!</definedName>
    <definedName name="_14">[3]見積01!#REF!</definedName>
    <definedName name="_15">[3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1Print_Area_02">#REF!</definedName>
    <definedName name="_1Print_Area_03">#REF!</definedName>
    <definedName name="_2">[3]見積01!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㎜2_2C_管内">#REF!</definedName>
    <definedName name="_2Print_Area_02">#REF!</definedName>
    <definedName name="_2ページまで">#REF!</definedName>
    <definedName name="_33">#REF!</definedName>
    <definedName name="_3Print_Area_03">#REF!</definedName>
    <definedName name="_3ページまで">#REF!</definedName>
    <definedName name="_3行挿入">#REF!</definedName>
    <definedName name="_44">#REF!</definedName>
    <definedName name="_4ページまで">#REF!</definedName>
    <definedName name="_50">#REF!</definedName>
    <definedName name="_55">#REF!</definedName>
    <definedName name="_5Print_Area_03">#REF!</definedName>
    <definedName name="_5ページまで">#REF!</definedName>
    <definedName name="_66">#REF!</definedName>
    <definedName name="_6ページまで">#REF!</definedName>
    <definedName name="_7ページまで">#REF!</definedName>
    <definedName name="_850">#REF!</definedName>
    <definedName name="_88">#REF!</definedName>
    <definedName name="_99">#REF!</definedName>
    <definedName name="_A">#REF!</definedName>
    <definedName name="_B">[4]原本!#REF!</definedName>
    <definedName name="_BOX01">#REF!</definedName>
    <definedName name="_BOX02">#REF!</definedName>
    <definedName name="_BOX03">#REF!</definedName>
    <definedName name="_BUN2">[1]歩・屋!$E$5:$T$16</definedName>
    <definedName name="_Fill" localSheetId="0" hidden="1">#REF!</definedName>
    <definedName name="_Fill" hidden="1">#REF!</definedName>
    <definedName name="_FR_WINDOW_">[5]SSﾀﾞｸﾄ!#REF!</definedName>
    <definedName name="_I1">#REF!</definedName>
    <definedName name="_I2">#REF!</definedName>
    <definedName name="_I3">#REF!</definedName>
    <definedName name="_Key1" localSheetId="0" hidden="1">#REF!</definedName>
    <definedName name="_Key1" hidden="1">#REF!</definedName>
    <definedName name="_Key2" localSheetId="0" hidden="1">#REF!</definedName>
    <definedName name="_Key2" hidden="1">#REF!</definedName>
    <definedName name="_Order1" hidden="1">1</definedName>
    <definedName name="_Order2" hidden="1">255</definedName>
    <definedName name="_P">#REF!</definedName>
    <definedName name="_P1">#REF!</definedName>
    <definedName name="_p2">#REF!</definedName>
    <definedName name="_p3">#REF!</definedName>
    <definedName name="_RC1特殊">#REF!</definedName>
    <definedName name="_RC2普通">#REF!</definedName>
    <definedName name="_RC3特殊">#REF!</definedName>
    <definedName name="_RC3普通">#REF!</definedName>
    <definedName name="_RC4普通">#REF!</definedName>
    <definedName name="_RE2">#REF!</definedName>
    <definedName name="_Regression_Out" localSheetId="0" hidden="1">#REF!</definedName>
    <definedName name="_Regression_Out" hidden="1">#REF!</definedName>
    <definedName name="_Regression_X" localSheetId="0" hidden="1">#REF!</definedName>
    <definedName name="_Regression_X" hidden="1">#REF!</definedName>
    <definedName name="_Regression_Y" localSheetId="0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localSheetId="0" hidden="1">#REF!</definedName>
    <definedName name="_Sort" hidden="1">#REF!</definedName>
    <definedName name="_SUB2">#REF!</definedName>
    <definedName name="_SUB3">#REF!</definedName>
    <definedName name="_SUB4">#REF!</definedName>
    <definedName name="_tan1">#REF!</definedName>
    <definedName name="_tan2">#REF!</definedName>
    <definedName name="_tan3">#REF!</definedName>
    <definedName name="￥">[6]衛生表紙!$S$64</definedName>
    <definedName name="\0">#REF!</definedName>
    <definedName name="\1">#REF!</definedName>
    <definedName name="￥1250">#REF!</definedName>
    <definedName name="￥1900">#REF!</definedName>
    <definedName name="\2">#REF!</definedName>
    <definedName name="\3">#REF!</definedName>
    <definedName name="\4">#REF!</definedName>
    <definedName name="\5">#REF!</definedName>
    <definedName name="\a">#REF!</definedName>
    <definedName name="\A1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g">'[7]幹線計算-1'!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N/A</definedName>
    <definedName name="\K1">#REF!</definedName>
    <definedName name="\l">#N/A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#REF!</definedName>
    <definedName name="\O1">#REF!</definedName>
    <definedName name="\p">#REF!</definedName>
    <definedName name="\P1">[8]労務集計!$N$6</definedName>
    <definedName name="\q">#REF!</definedName>
    <definedName name="\R">#REF!</definedName>
    <definedName name="\s">#REF!</definedName>
    <definedName name="\t">#REF!</definedName>
    <definedName name="\u">#N/A</definedName>
    <definedName name="\v">[9]表紙!#REF!</definedName>
    <definedName name="\w">#REF!</definedName>
    <definedName name="\X">#REF!</definedName>
    <definedName name="\Y">#REF!</definedName>
    <definedName name="\z">#REF!</definedName>
    <definedName name="￥あ">[10]土工!$D$2</definedName>
    <definedName name="\一覧表">#REF!</definedName>
    <definedName name="\印刷設定">#REF!</definedName>
    <definedName name="\印刷設定一">#REF!</definedName>
    <definedName name="a">#REF!</definedName>
    <definedName name="A28_A2000">#REF!</definedName>
    <definedName name="A29A2000">#REF!</definedName>
    <definedName name="AA">#REF!</definedName>
    <definedName name="AAA">#REF!</definedName>
    <definedName name="AAAA">#REF!</definedName>
    <definedName name="AB">0.2</definedName>
    <definedName name="ABC">[0]!ABC</definedName>
    <definedName name="abcd">[0]!abcd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zen">[11]!Anzen</definedName>
    <definedName name="AnzenHyouji">[11]!AnzenHyouji</definedName>
    <definedName name="AS">#REF!</definedName>
    <definedName name="ASDVIUI">#REF!</definedName>
    <definedName name="AUTOEXEC">#REF!</definedName>
    <definedName name="A材工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A材料">[0]!A材料</definedName>
    <definedName name="Ｂ">#REF!</definedName>
    <definedName name="B4OUT">#REF!</definedName>
    <definedName name="B5OUT">#REF!</definedName>
    <definedName name="BANGOU">#REF!</definedName>
    <definedName name="BEF_TBL">#REF!</definedName>
    <definedName name="BG">#REF!</definedName>
    <definedName name="BUN">[1]歩・屋!$E$5:$T$16</definedName>
    <definedName name="B種">#REF!</definedName>
    <definedName name="Ｂ代価">#REF!</definedName>
    <definedName name="C0">#REF!</definedName>
    <definedName name="CA">#REF!</definedName>
    <definedName name="CA値">#REF!</definedName>
    <definedName name="CB">#REF!</definedName>
    <definedName name="CB値">#REF!</definedName>
    <definedName name="CC">#REF!</definedName>
    <definedName name="chosei0">#REF!</definedName>
    <definedName name="chosei1">#REF!</definedName>
    <definedName name="chosei10">#REF!</definedName>
    <definedName name="chosei11">#REF!</definedName>
    <definedName name="chosei12">#REF!</definedName>
    <definedName name="chosei13">#REF!</definedName>
    <definedName name="chosei14">#REF!</definedName>
    <definedName name="chosei15">#REF!</definedName>
    <definedName name="chosei16">#REF!</definedName>
    <definedName name="chosei17">#REF!</definedName>
    <definedName name="chosei18">#REF!</definedName>
    <definedName name="chosei19">#REF!</definedName>
    <definedName name="chosei2">#REF!</definedName>
    <definedName name="chosei20">#REF!</definedName>
    <definedName name="chosei21">#REF!</definedName>
    <definedName name="chosei22">#REF!</definedName>
    <definedName name="chosei23">#REF!</definedName>
    <definedName name="chosei3">#REF!</definedName>
    <definedName name="chosei4">#REF!</definedName>
    <definedName name="chosei5">#REF!</definedName>
    <definedName name="chosei6">#REF!</definedName>
    <definedName name="chosei7">#REF!</definedName>
    <definedName name="chosei8">#REF!</definedName>
    <definedName name="chosei9">#REF!</definedName>
    <definedName name="COUNTER">[12]表紙!#REF!</definedName>
    <definedName name="_xlnm.Criteria">#REF!</definedName>
    <definedName name="Criteria_MI">#REF!</definedName>
    <definedName name="CV3C2">[13]ｹｰﾌﾞﾙ計!#REF!</definedName>
    <definedName name="cv3c2_">[14]ｹｰﾌﾞﾙ労務!#REF!</definedName>
    <definedName name="CVVS2C2">[13]ｹｰﾌﾞﾙ計!#REF!</definedName>
    <definedName name="ｃｚ">#REF!</definedName>
    <definedName name="Ｃ既存校舎">[15]内訳書!#REF!</definedName>
    <definedName name="C種">#REF!</definedName>
    <definedName name="Ｃ代価">#REF!</definedName>
    <definedName name="Ｃ代価表一覧表">#REF!</definedName>
    <definedName name="D">#REF!</definedName>
    <definedName name="data">[16]一位代価!$1:$1048576</definedName>
    <definedName name="DATA_2">#REF!</definedName>
    <definedName name="DATA_TBL">#REF!</definedName>
    <definedName name="DATA3">#REF!</definedName>
    <definedName name="_xlnm.Database">#REF!</definedName>
    <definedName name="Database_MI">#REF!</definedName>
    <definedName name="DB_TBL">#REF!</definedName>
    <definedName name="DD">#REF!</definedName>
    <definedName name="DK">17902</definedName>
    <definedName name="DKT">19100</definedName>
    <definedName name="ＤＳ">#REF!</definedName>
    <definedName name="Dグランド照明">[15]内訳書!#REF!</definedName>
    <definedName name="E">#REF!</definedName>
    <definedName name="EC">#REF!</definedName>
    <definedName name="ED">#REF!</definedName>
    <definedName name="EF">#REF!</definedName>
    <definedName name="EG">#REF!</definedName>
    <definedName name="Eizen">[11]!Eizen</definedName>
    <definedName name="EizenHyouji">[11]!EizenHyouji</definedName>
    <definedName name="EK">#REF!</definedName>
    <definedName name="ENDX">#REF!</definedName>
    <definedName name="ENT_TBL">#REF!</definedName>
    <definedName name="ENTP_TBL">#REF!</definedName>
    <definedName name="ES">#REF!</definedName>
    <definedName name="EV">#REF!</definedName>
    <definedName name="_xlnm.Extract">#REF!</definedName>
    <definedName name="Extract_MI">#REF!</definedName>
    <definedName name="F">#REF!</definedName>
    <definedName name="FL">[1]歩・屋!$D$4:$D$43</definedName>
    <definedName name="FNA">#REF!</definedName>
    <definedName name="FORM">#REF!</definedName>
    <definedName name="form10">#REF!</definedName>
    <definedName name="form11">#REF!</definedName>
    <definedName name="form12">#REF!</definedName>
    <definedName name="form13">#REF!</definedName>
    <definedName name="form14">#REF!</definedName>
    <definedName name="form2">#REF!</definedName>
    <definedName name="form3">#REF!</definedName>
    <definedName name="form4">#REF!</definedName>
    <definedName name="form5">#REF!</definedName>
    <definedName name="form6">#REF!</definedName>
    <definedName name="form7">#REF!</definedName>
    <definedName name="form8">#REF!</definedName>
    <definedName name="form9">#REF!</definedName>
    <definedName name="FOR総括表">#REF!</definedName>
    <definedName name="FS">14522</definedName>
    <definedName name="G">#REF!</definedName>
    <definedName name="GenbaKanri">[11]!GenbaKanri</definedName>
    <definedName name="GenbaKanriHyouji">[11]!GenbaKanriHyouji</definedName>
    <definedName name="GO_TBL">#REF!</definedName>
    <definedName name="ＧＴ">[1]歩・屋!$W$12</definedName>
    <definedName name="H">#REF!</definedName>
    <definedName name="HH">#REF!</definedName>
    <definedName name="ｈｈｈ">[1]歩・屋!$W$13</definedName>
    <definedName name="HIVP">#REF!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N_KNN">#REF!</definedName>
    <definedName name="INT">#REF!</definedName>
    <definedName name="IppanKanri">[11]!IppanKanri</definedName>
    <definedName name="IppanKanriHyouji">[11]!IppanKanriHyouji</definedName>
    <definedName name="iti">#REF!</definedName>
    <definedName name="J">#REF!</definedName>
    <definedName name="Junbi">[11]!Junbi</definedName>
    <definedName name="JunbiHyouji">[11]!JunbiHyouji</definedName>
    <definedName name="Ｋ">#REF!</definedName>
    <definedName name="KAB">#REF!</definedName>
    <definedName name="KH">22720</definedName>
    <definedName name="KHK">0</definedName>
    <definedName name="kkk">[17]入力一般管理!#REF!</definedName>
    <definedName name="KR">#REF!</definedName>
    <definedName name="KS">0.18</definedName>
    <definedName name="KT">'[18]代価表 '!$Z$4</definedName>
    <definedName name="L">[19]!印刷</definedName>
    <definedName name="L3554Ｌ３０００">#REF!</definedName>
    <definedName name="LAST_TBL">#REF!</definedName>
    <definedName name="LL">#REF!</definedName>
    <definedName name="LOOPN">[12]表紙!#REF!</definedName>
    <definedName name="LOOPS">[12]表紙!#REF!</definedName>
    <definedName name="LOOP入">[12]表紙!#REF!</definedName>
    <definedName name="LOOP抜">[12]表紙!#REF!</definedName>
    <definedName name="Ｍ">#REF!</definedName>
    <definedName name="MAIN">#REF!</definedName>
    <definedName name="MAIN_1">#REF!</definedName>
    <definedName name="MENU_TBL">#REF!</definedName>
    <definedName name="MENUA">[12]表紙!#REF!</definedName>
    <definedName name="MENUA_TBL">#REF!</definedName>
    <definedName name="MENUB">[12]表紙!#REF!</definedName>
    <definedName name="MENUE">[12]表紙!#REF!</definedName>
    <definedName name="MENUM_TBL">#REF!</definedName>
    <definedName name="MENUP">[12]表紙!#REF!</definedName>
    <definedName name="MENUP2">[12]表紙!#REF!</definedName>
    <definedName name="MHA">#REF!</definedName>
    <definedName name="MHA値">#REF!</definedName>
    <definedName name="MHB">#REF!</definedName>
    <definedName name="MHB値">#REF!</definedName>
    <definedName name="MI">#REF!</definedName>
    <definedName name="mitumori">'[20]幹線計算-1'!#REF!</definedName>
    <definedName name="mm">[9]表紙!#REF!</definedName>
    <definedName name="MP">17902</definedName>
    <definedName name="MT">2040</definedName>
    <definedName name="n">#REF!</definedName>
    <definedName name="NAIYOU">#REF!</definedName>
    <definedName name="NEXT_TBL">#REF!</definedName>
    <definedName name="NI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SAVE">#REF!</definedName>
    <definedName name="NSAVE_1">#REF!</definedName>
    <definedName name="NV">'[18]代価表 '!$Z$2</definedName>
    <definedName name="P">#REF!</definedName>
    <definedName name="P.2">#N/A</definedName>
    <definedName name="P.3">#N/A</definedName>
    <definedName name="P.4">[5]円形風道!#REF!</definedName>
    <definedName name="P2_">#N/A</definedName>
    <definedName name="P3_">[5]円形風道!#REF!</definedName>
    <definedName name="PAGE_TBL">#REF!</definedName>
    <definedName name="page1">#REF!</definedName>
    <definedName name="page10">#REF!</definedName>
    <definedName name="page11">#REF!</definedName>
    <definedName name="page12">#REF!</definedName>
    <definedName name="page13">#REF!</definedName>
    <definedName name="page14">#REF!</definedName>
    <definedName name="page2">#REF!</definedName>
    <definedName name="page3">#REF!</definedName>
    <definedName name="page4">#REF!</definedName>
    <definedName name="page5">#REF!</definedName>
    <definedName name="page6">#REF!</definedName>
    <definedName name="page7">#REF!</definedName>
    <definedName name="page8">#REF!</definedName>
    <definedName name="page9">#REF!</definedName>
    <definedName name="PAUSE_1">#REF!</definedName>
    <definedName name="PAUSE_2">#REF!</definedName>
    <definedName name="PAUSE_3">#N/A</definedName>
    <definedName name="PBOX200">[13]ｹｰﾌﾞﾙ計!#REF!</definedName>
    <definedName name="PE管28">[13]ｹｰﾌﾞﾙ計!#REF!</definedName>
    <definedName name="PE管42">[13]ｹｰﾌﾞﾙ計!#REF!</definedName>
    <definedName name="PMI">#REF!</definedName>
    <definedName name="po">#REF!</definedName>
    <definedName name="PP">#REF!</definedName>
    <definedName name="PR_KBN">#REF!</definedName>
    <definedName name="PR_MSG">#REF!</definedName>
    <definedName name="PRI">#REF!</definedName>
    <definedName name="PRINT">#REF!</definedName>
    <definedName name="_xlnm.Print_Area">#REF!</definedName>
    <definedName name="Print_Area_MI">#REF!</definedName>
    <definedName name="Print_Area1">#REF!</definedName>
    <definedName name="Print_Area2">#REF!</definedName>
    <definedName name="Print_Area3">#REF!</definedName>
    <definedName name="Print_Area4">#REF!</definedName>
    <definedName name="Print_Area5">#REF!</definedName>
    <definedName name="_xlnm.Print_Titles" localSheetId="0">'0内訳書'!$2:$3</definedName>
    <definedName name="_xlnm.Print_Titles">#REF!</definedName>
    <definedName name="Print_Titles_MI">#REF!</definedName>
    <definedName name="prn">#REF!</definedName>
    <definedName name="PRN_1">#REF!</definedName>
    <definedName name="PRN_2">#REF!</definedName>
    <definedName name="PRN_22">#REF!</definedName>
    <definedName name="PRN_3">#REF!</definedName>
    <definedName name="PRN_33">#REF!</definedName>
    <definedName name="Q">#REF!</definedName>
    <definedName name="QD">#REF!</definedName>
    <definedName name="QH">#REF!</definedName>
    <definedName name="RCｺﾝ">#REF!</definedName>
    <definedName name="RC蓋">#REF!</definedName>
    <definedName name="RC蓋値">#REF!</definedName>
    <definedName name="RC型枠">#REF!</definedName>
    <definedName name="RC根切">#REF!</definedName>
    <definedName name="RC砂利">#REF!</definedName>
    <definedName name="RC残土">#REF!</definedName>
    <definedName name="RC捨ｺﾝ">#REF!</definedName>
    <definedName name="RC足掛">#REF!</definedName>
    <definedName name="RC鉄筋">#REF!</definedName>
    <definedName name="RC埋戻">#REF!</definedName>
    <definedName name="RC桝">#REF!</definedName>
    <definedName name="RE">#REF!</definedName>
    <definedName name="RENP">#REF!</definedName>
    <definedName name="RF">#REF!</definedName>
    <definedName name="ro">'[1]拾・幹線(屋)'!$O$10</definedName>
    <definedName name="RS">#REF!</definedName>
    <definedName name="RUM">#REF!</definedName>
    <definedName name="RV">#REF!</definedName>
    <definedName name="s">#REF!</definedName>
    <definedName name="SAB">#REF!</definedName>
    <definedName name="SAVE">#REF!</definedName>
    <definedName name="SAVE_1">#REF!</definedName>
    <definedName name="SAVE_2">#REF!</definedName>
    <definedName name="SAVE_3">#REF!</definedName>
    <definedName name="SAVE_31">#REF!</definedName>
    <definedName name="SAVE_32">#REF!</definedName>
    <definedName name="SCV">#REF!</definedName>
    <definedName name="SCｲﾝｺﾝ">#REF!</definedName>
    <definedName name="SCｲﾝﾓﾙﾀﾙ">#REF!</definedName>
    <definedName name="SCｲﾝ型">#REF!</definedName>
    <definedName name="SCｺﾝ">#REF!</definedName>
    <definedName name="SC型枠">#REF!</definedName>
    <definedName name="SC根切">#REF!</definedName>
    <definedName name="SC砂利">#REF!</definedName>
    <definedName name="SC残土">#REF!</definedName>
    <definedName name="SC捨ｺﾝ">#REF!</definedName>
    <definedName name="SC鉄筋">#REF!</definedName>
    <definedName name="SC特殊">#REF!</definedName>
    <definedName name="SC普通">#REF!</definedName>
    <definedName name="SC埋戻">#REF!</definedName>
    <definedName name="shokei0">#REF!</definedName>
    <definedName name="shokei1">#REF!</definedName>
    <definedName name="shokei10">#REF!</definedName>
    <definedName name="shokei11">#REF!</definedName>
    <definedName name="shokei12">#REF!</definedName>
    <definedName name="shokei13">#REF!</definedName>
    <definedName name="shokei2">#REF!</definedName>
    <definedName name="shokei3">#REF!</definedName>
    <definedName name="shokei4">#REF!</definedName>
    <definedName name="shokei5">#REF!</definedName>
    <definedName name="shokei6">#REF!</definedName>
    <definedName name="shokei7">#REF!</definedName>
    <definedName name="shokei8">#REF!</definedName>
    <definedName name="shokei9">#REF!</definedName>
    <definedName name="shokeia0">#REF!</definedName>
    <definedName name="shokeia1">#REF!</definedName>
    <definedName name="shokeia10">#REF!</definedName>
    <definedName name="shokeia11">#REF!</definedName>
    <definedName name="shokeia12">#REF!</definedName>
    <definedName name="shokeia13">#REF!</definedName>
    <definedName name="shokeia14">#REF!</definedName>
    <definedName name="shokeia15">#REF!</definedName>
    <definedName name="shokeia16">#REF!</definedName>
    <definedName name="shokeia17">#REF!</definedName>
    <definedName name="shokeia18">#REF!</definedName>
    <definedName name="shokeia19">#REF!</definedName>
    <definedName name="shokeia2">#REF!</definedName>
    <definedName name="shokeia20">#REF!</definedName>
    <definedName name="shokeia21">#REF!</definedName>
    <definedName name="shokeia22">#REF!</definedName>
    <definedName name="shokeia23">#REF!</definedName>
    <definedName name="shokeia3">#REF!</definedName>
    <definedName name="shokeia4">#REF!</definedName>
    <definedName name="shokeia5">#REF!</definedName>
    <definedName name="shokeia6">#REF!</definedName>
    <definedName name="shokeia7">#REF!</definedName>
    <definedName name="shokeia8">#REF!</definedName>
    <definedName name="shokeia9">#REF!</definedName>
    <definedName name="SKｿｹｯﾄφ20">#REF!</definedName>
    <definedName name="SKｿｹｯﾄφ40">#REF!</definedName>
    <definedName name="SONI">#REF!</definedName>
    <definedName name="SONO">#REF!</definedName>
    <definedName name="SPK">17940</definedName>
    <definedName name="ｓｒ">[10]土工!#REF!</definedName>
    <definedName name="SUB">#REF!</definedName>
    <definedName name="SUB1_1">#REF!</definedName>
    <definedName name="SUB1_11">#REF!</definedName>
    <definedName name="SUB1_2">#REF!</definedName>
    <definedName name="SUB1_3">#REF!</definedName>
    <definedName name="SUB2_1">#REF!</definedName>
    <definedName name="SUB2_2">#REF!</definedName>
    <definedName name="SUB2_3">#REF!</definedName>
    <definedName name="SUM123_計">[21]内訳書!#REF!</definedName>
    <definedName name="T">#REF!</definedName>
    <definedName name="TF">#REF!</definedName>
    <definedName name="to">'[1]拾・幹線(屋)'!$O$14</definedName>
    <definedName name="tokiwa">#REF!</definedName>
    <definedName name="TOP_TBL">#REF!</definedName>
    <definedName name="TORA">'[1]#REF'!$C$5:$S$38</definedName>
    <definedName name="TPAJI">#REF!</definedName>
    <definedName name="TS">16892</definedName>
    <definedName name="TYTEL">[22]!印刷</definedName>
    <definedName name="T区">#REF!</definedName>
    <definedName name="U">#REF!</definedName>
    <definedName name="UG">#REF!</definedName>
    <definedName name="UHY">#REF!</definedName>
    <definedName name="Unnpan">[11]!Unnpan</definedName>
    <definedName name="V">#REF!</definedName>
    <definedName name="VNJ">#REF!</definedName>
    <definedName name="W">#REF!</definedName>
    <definedName name="WA">#REF!</definedName>
    <definedName name="wrn.上清水開削４." localSheetId="0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WREW">#REF!</definedName>
    <definedName name="ｘ">#REF!</definedName>
    <definedName name="XC">#REF!</definedName>
    <definedName name="XMIN">#REF!</definedName>
    <definedName name="ＸＹＺ">#REF!</definedName>
    <definedName name="Y">#REF!</definedName>
    <definedName name="Yusou">[11]!Yusou</definedName>
    <definedName name="YusouHyouji">[11]!YusouHyouji</definedName>
    <definedName name="ｙｙ">[12]表紙!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ア">[23]表紙!#REF!</definedName>
    <definedName name="あ">'[1]#REF'!$AB$102</definedName>
    <definedName name="あ1">#REF!</definedName>
    <definedName name="ああ">#REF!</definedName>
    <definedName name="あああ">#REF!</definedName>
    <definedName name="ああああ">#REF!</definedName>
    <definedName name="ああああああ">[23]表紙!#REF!</definedName>
    <definedName name="ｱｽﾌｧﾙﾄ乳剤PK3">#REF!</definedName>
    <definedName name="ｱｾﾁﾚﾝ">#REF!</definedName>
    <definedName name="いいいい">[11]!Anzen</definedName>
    <definedName name="いらない列1">#REF!</definedName>
    <definedName name="いらない列2">#REF!</definedName>
    <definedName name="え">[0]!え</definedName>
    <definedName name="ｴﾙﾎﾞφ20">#REF!</definedName>
    <definedName name="ｴﾙﾎﾞφ25">#REF!</definedName>
    <definedName name="ｴﾙﾎﾞφ40">#REF!</definedName>
    <definedName name="お">'[1]#REF'!$C$5:$S$38</definedName>
    <definedName name="ｶﾞｽPS">#REF!</definedName>
    <definedName name="ガス給湯器">[1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24]府県別労務!$C$50</definedName>
    <definedName name="くうちょう">#REF!</definedName>
    <definedName name="グランド照明">[15]内訳書!#REF!</definedName>
    <definedName name="ｸﾚｰﾝ付ﾄﾗｯｸ運転2.9t">#REF!</definedName>
    <definedName name="ｸﾛｽ集計範囲">#REF!</definedName>
    <definedName name="ｺﾋﾟｰ元">#REF!</definedName>
    <definedName name="ｺﾝ">#REF!</definedName>
    <definedName name="ｺﾝｸﾘｰﾄ混和剤">#REF!</definedName>
    <definedName name="ｺﾝﾏ小数点">#REF!</definedName>
    <definedName name="ｺﾝ値">#REF!</definedName>
    <definedName name="ｻｲｽﾞ">#REF!</definedName>
    <definedName name="さく岩工">#REF!</definedName>
    <definedName name="ささＳ">#REF!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1]#REF'!$U$1:$AK$2</definedName>
    <definedName name="ｽﾞｰﾑ">[2]仮設躯体!$A$2:$I$21</definedName>
    <definedName name="スコアボード比較">#REF!</definedName>
    <definedName name="スタイル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2">#REF!</definedName>
    <definedName name="その3">#REF!</definedName>
    <definedName name="その4">#REF!</definedName>
    <definedName name="その他">#REF!</definedName>
    <definedName name="だいＫ">[25]表紙!#REF!</definedName>
    <definedName name="ﾀｲﾄﾙ行">#REF!</definedName>
    <definedName name="タイル工">#REF!</definedName>
    <definedName name="ダク">[26]明細!#REF!</definedName>
    <definedName name="ダクタイル鋳鉄管">#REF!</definedName>
    <definedName name="ダクト">[26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とび工">#REF!</definedName>
    <definedName name="ﾄﾗｯｸ">'[1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ﾊﾝﾄﾞﾎｰﾙ１">[1]愛駿寮公共下水道接続工事!#REF!</definedName>
    <definedName name="ﾊﾝﾄﾞﾎｰﾙ２">#REF!</definedName>
    <definedName name="ふ">#REF!</definedName>
    <definedName name="プリカ50">[13]ｹｰﾌﾞﾙ計!#REF!</definedName>
    <definedName name="ﾌﾟﾘﾝﾀｰ">#REF!</definedName>
    <definedName name="ブロック工">#REF!</definedName>
    <definedName name="へん港">[27]工事費内訳表!$H$43</definedName>
    <definedName name="ポンプ">[1]歩・屋!$W$5</definedName>
    <definedName name="ポンプB">[1]歩・屋!$W$5</definedName>
    <definedName name="ﾒｰｶｰﾘｽﾄ">[28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メニュー">#REF!</definedName>
    <definedName name="モタ">#REF!</definedName>
    <definedName name="モルタ">#REF!</definedName>
    <definedName name="ﾓﾙﾀﾙ">#REF!</definedName>
    <definedName name="モルタル１２">#REF!</definedName>
    <definedName name="やりかた">#N/A</definedName>
    <definedName name="ﾛﾗｰ運転0.8_1.1t">#REF!</definedName>
    <definedName name="ﾛﾗｰ運転3.0_4.0t">#REF!</definedName>
    <definedName name="阿瀬知">[29]!印刷</definedName>
    <definedName name="安全">#REF!</definedName>
    <definedName name="安全費">#REF!</definedName>
    <definedName name="按分">#REF!</definedName>
    <definedName name="移動">#REF!</definedName>
    <definedName name="一">#REF!</definedName>
    <definedName name="一位代価">#REF!</definedName>
    <definedName name="一位代価表">#REF!</definedName>
    <definedName name="一般運転手">#REF!</definedName>
    <definedName name="一般管理">#REF!</definedName>
    <definedName name="一般管理費">#REF!</definedName>
    <definedName name="一般代価">#N/A</definedName>
    <definedName name="一般労務費">#REF!</definedName>
    <definedName name="一覧表">#REF!</definedName>
    <definedName name="印刷">[30]!印刷</definedName>
    <definedName name="印刷05">#REF!</definedName>
    <definedName name="印刷1">[31]!印刷</definedName>
    <definedName name="印刷10">#REF!</definedName>
    <definedName name="印刷2">#REF!</definedName>
    <definedName name="印刷20">#REF!</definedName>
    <definedName name="印刷3">[32]!印刷</definedName>
    <definedName name="印刷30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範囲">#REF!</definedName>
    <definedName name="印刷表">[33]表紙!#REF!</definedName>
    <definedName name="引用基準日">33328</definedName>
    <definedName name="雨水濾過">[1]歩・屋!$W$8</definedName>
    <definedName name="運送費表示">#REF!</definedName>
    <definedName name="運転手_一般">#REF!</definedName>
    <definedName name="運転手_特殊">#REF!</definedName>
    <definedName name="運搬">#REF!</definedName>
    <definedName name="運搬費">#REF!</definedName>
    <definedName name="営繕">#REF!</definedName>
    <definedName name="営繕損料">#REF!</definedName>
    <definedName name="汚水桝">[34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2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蓋">#REF!</definedName>
    <definedName name="化粧鏡">#REF!</definedName>
    <definedName name="仮">[35]亜鉛鉄板!$AP$1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[2]仮設躯体!$A$41</definedName>
    <definedName name="改修">#REF!</definedName>
    <definedName name="開始頁">[33]表紙!#REF!</definedName>
    <definedName name="外構">[2]外構!$A$1</definedName>
    <definedName name="外部建具">[2]外部!$A$193</definedName>
    <definedName name="外部足場">#N/A</definedName>
    <definedName name="蓋">#REF!</definedName>
    <definedName name="蓋値">#REF!</definedName>
    <definedName name="格子">#REF!</definedName>
    <definedName name="確認0">#REF!</definedName>
    <definedName name="割増率">[5]機器搬入!#REF!</definedName>
    <definedName name="刊行物">[0]!刊行物</definedName>
    <definedName name="換気">#REF!</definedName>
    <definedName name="環境">#REF!</definedName>
    <definedName name="管渠土工計算書">#REF!</definedName>
    <definedName name="器">#REF!</definedName>
    <definedName name="基礎工">#REF!</definedName>
    <definedName name="既存校舎">[15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規格">#REF!</definedName>
    <definedName name="記号">#REF!</definedName>
    <definedName name="記号3">[36]搬入据付様式!#REF!</definedName>
    <definedName name="記号4">[36]搬入据付様式!#REF!</definedName>
    <definedName name="記号5">[36]搬入据付様式!#REF!</definedName>
    <definedName name="記号6">[36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術">#REF!</definedName>
    <definedName name="技術員">#REF!</definedName>
    <definedName name="技術者Ａ">#REF!</definedName>
    <definedName name="技術者Ｂ">#REF!</definedName>
    <definedName name="技術費">#REF!</definedName>
    <definedName name="吸出防止材">[37]明細書!#REF!</definedName>
    <definedName name="給食用リフト">[0]!給食用リフト</definedName>
    <definedName name="給水PS">#REF!</definedName>
    <definedName name="給湯">#REF!</definedName>
    <definedName name="京都ビル">#REF!</definedName>
    <definedName name="京都住宅">#REF!</definedName>
    <definedName name="共">#REF!</definedName>
    <definedName name="共仮">#REF!</definedName>
    <definedName name="共通">[2]仮設躯体!#REF!</definedName>
    <definedName name="共通仮設費">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設定">[12]表紙!#REF!</definedName>
    <definedName name="金抜設定">[33]表紙!#REF!</definedName>
    <definedName name="躯体">[2]仮設躯体!$A$182</definedName>
    <definedName name="掘削">[23]表紙!#REF!</definedName>
    <definedName name="掘削梁">[23]表紙!#REF!</definedName>
    <definedName name="桑名市多度町">#REF!</definedName>
    <definedName name="型わく工">#REF!</definedName>
    <definedName name="型枠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型枠支保工">#REF!</definedName>
    <definedName name="形質寸法">#REF!</definedName>
    <definedName name="形状寸法">#REF!</definedName>
    <definedName name="経費">[1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軽荷重1">#REF!</definedName>
    <definedName name="軽作業員">#REF!</definedName>
    <definedName name="軽油陸上用">#REF!</definedName>
    <definedName name="桁">#REF!</definedName>
    <definedName name="月_1日">#REF!</definedName>
    <definedName name="建具工">#REF!</definedName>
    <definedName name="建築">[2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県名">#REF!</definedName>
    <definedName name="見積空調">'[38]代価表 '!#REF!</definedName>
    <definedName name="見積比較換気">'[39]代価表 '!$Z$2</definedName>
    <definedName name="見積比較表">'[40]代価表 '!$Z$2</definedName>
    <definedName name="見比衛生2">'[41]代価表 '!#REF!</definedName>
    <definedName name="原価">#REF!</definedName>
    <definedName name="現">#REF!</definedName>
    <definedName name="現管">#REF!</definedName>
    <definedName name="現場" localSheetId="0" hidden="1">#REF!</definedName>
    <definedName name="現場" hidden="1">#REF!</definedName>
    <definedName name="現場管理">#REF!</definedName>
    <definedName name="現場管理費">#REF!</definedName>
    <definedName name="呼出">#N/A</definedName>
    <definedName name="交通整理員">#REF!</definedName>
    <definedName name="工事カ所名">[42]設計書入力!$DT$23:$DU$700</definedName>
    <definedName name="工事価格">#REF!</definedName>
    <definedName name="工事規模">#REF!</definedName>
    <definedName name="工事件名">[43]工事総括!$C$3</definedName>
    <definedName name="工事原価">#REF!</definedName>
    <definedName name="工事地区">#REF!</definedName>
    <definedName name="工事費">#REF!</definedName>
    <definedName name="工事明細">#REF!</definedName>
    <definedName name="工場派遣労務費">#REF!</definedName>
    <definedName name="工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高級船員">#REF!</definedName>
    <definedName name="根拠設定">[33]表紙!#REF!</definedName>
    <definedName name="根拠範囲">[1]歩・屋!$B$3:$AD$372</definedName>
    <definedName name="根拠付き">#REF!</definedName>
    <definedName name="根切">#REF!</definedName>
    <definedName name="左官">#REF!</definedName>
    <definedName name="査定率">#REF!</definedName>
    <definedName name="査定率表">[28]見積･重量!#REF!</definedName>
    <definedName name="砂利">#REF!</definedName>
    <definedName name="最後">#REF!</definedName>
    <definedName name="砕石">[44]一位代価表!$F$147</definedName>
    <definedName name="細目">[45]!印刷</definedName>
    <definedName name="細粒度AS">#REF!</definedName>
    <definedName name="材種">[46]鉄骨DATA!$A$2:$A$10</definedName>
    <definedName name="材料">#REF!</definedName>
    <definedName name="材料2">[0]!材料2</definedName>
    <definedName name="削除">#REF!</definedName>
    <definedName name="撮影士">#REF!</definedName>
    <definedName name="撮影助手">#REF!</definedName>
    <definedName name="雑材率">#REF!</definedName>
    <definedName name="三次診断">#REF!</definedName>
    <definedName name="山砂">#REF!</definedName>
    <definedName name="山林砂防工">#REF!</definedName>
    <definedName name="酸素">#REF!</definedName>
    <definedName name="残土">#REF!</definedName>
    <definedName name="残土自由処分">#REF!</definedName>
    <definedName name="仕上げ">#REF!</definedName>
    <definedName name="施工区分">#REF!</definedName>
    <definedName name="滋賀ビル">#REF!</definedName>
    <definedName name="滋賀住宅">#REF!</definedName>
    <definedName name="室内">[2]内訳!$A$249</definedName>
    <definedName name="実行">#REF!</definedName>
    <definedName name="実施設計1">#REF!</definedName>
    <definedName name="実施設計2">#REF!</definedName>
    <definedName name="実施設計3">#REF!</definedName>
    <definedName name="主任技師">#REF!</definedName>
    <definedName name="主任技術者">#REF!</definedName>
    <definedName name="主任地質調査員">#REF!</definedName>
    <definedName name="種別">#REF!</definedName>
    <definedName name="種類">#REF!</definedName>
    <definedName name="修正">[12]表紙!#REF!</definedName>
    <definedName name="修正1">[12]表紙!#REF!</definedName>
    <definedName name="修正2">[12]表紙!#REF!</definedName>
    <definedName name="修正3">[12]表紙!#REF!</definedName>
    <definedName name="修正4">[12]表紙!#REF!</definedName>
    <definedName name="修正5">[33]表紙!#REF!</definedName>
    <definedName name="修正6">[33]表紙!#REF!</definedName>
    <definedName name="修正年月">[47]目次!$B$2</definedName>
    <definedName name="修正表">[48]人工修正表!$B$6:$C$22</definedName>
    <definedName name="修正表_制御盤">#REF!</definedName>
    <definedName name="修正表_分電盤">#REF!</definedName>
    <definedName name="終了">#N/A</definedName>
    <definedName name="集計">[5]円形風道!#REF!</definedName>
    <definedName name="集計表">#REF!</definedName>
    <definedName name="重量品">#REF!</definedName>
    <definedName name="出力">#REF!</definedName>
    <definedName name="出力２">'[1]#REF'!$U$5:$AK$5</definedName>
    <definedName name="準備">#REF!</definedName>
    <definedName name="準備費">#REF!</definedName>
    <definedName name="純元">#REF!</definedName>
    <definedName name="純工">#REF!</definedName>
    <definedName name="純工事費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初期マクロ">#REF!</definedName>
    <definedName name="諸経費">#REF!</definedName>
    <definedName name="小計">[42]設計書入力!$FD$21:$GH$23</definedName>
    <definedName name="小配管">#REF!</definedName>
    <definedName name="小配管弁類">#REF!</definedName>
    <definedName name="小便器">#REF!</definedName>
    <definedName name="松阪市">#REF!</definedName>
    <definedName name="消費税">#REF!</definedName>
    <definedName name="照明器具_K201">#REF!</definedName>
    <definedName name="省略単価">#REF!</definedName>
    <definedName name="詳細">[49]!印刷</definedName>
    <definedName name="条件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営">#REF!</definedName>
    <definedName name="新設・撤去・再用区分">#REF!</definedName>
    <definedName name="人工修正表">[50]代価一般!$B$10:$C$28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槽_FRP">[1]歩・屋!$W$6</definedName>
    <definedName name="水槽_鉄">[1]歩・屋!$W$7</definedName>
    <definedName name="水中ポンプ">[44]一位代価表!$F$223</definedName>
    <definedName name="数値">#REF!</definedName>
    <definedName name="数値コピー">#REF!</definedName>
    <definedName name="数量">#REF!</definedName>
    <definedName name="数量１">#REF!</definedName>
    <definedName name="整備士">#REF!</definedName>
    <definedName name="生コンFｰ160">#REF!</definedName>
    <definedName name="生コンFｰ210">#REF!</definedName>
    <definedName name="西面">#REF!</definedName>
    <definedName name="請負額算定">[49]!印刷</definedName>
    <definedName name="石工">#REF!</definedName>
    <definedName name="積算">[6]衛生表紙!$S$77</definedName>
    <definedName name="積算基準日">33635</definedName>
    <definedName name="積算体系定義">3</definedName>
    <definedName name="切込砕石Cｰ30">#REF!</definedName>
    <definedName name="切込砕石Cｰ40">#REF!</definedName>
    <definedName name="切込砕石Cｰ80">#REF!</definedName>
    <definedName name="設計">[51]表紙!#REF!</definedName>
    <definedName name="設計1">#REF!</definedName>
    <definedName name="設計技術員">#REF!</definedName>
    <definedName name="設計頭">#REF!</definedName>
    <definedName name="設備機械工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全頁印刷">[12]表紙!#REF!</definedName>
    <definedName name="粗粒AS">#REF!</definedName>
    <definedName name="創">#REF!</definedName>
    <definedName name="操縦士">#REF!</definedName>
    <definedName name="総括">[2]内訳!$A$1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足掛">#REF!</definedName>
    <definedName name="続">#REF!</definedName>
    <definedName name="多度">#REF!</definedName>
    <definedName name="多度内訳書その２">#REF!</definedName>
    <definedName name="太罫線">#REF!</definedName>
    <definedName name="耐震基本計画">#REF!</definedName>
    <definedName name="耐震水槽">[1]歩・屋!$W$11</definedName>
    <definedName name="退職金">#REF!</definedName>
    <definedName name="代価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代価根拠範囲">[1]歩・屋!$B$3:$AD$362</definedName>
    <definedName name="代価電気">[52]一位代価!$A:$IV</definedName>
    <definedName name="代価表">#N/A</definedName>
    <definedName name="代価表起点">#REF!</definedName>
    <definedName name="代価表単位">#REF!</definedName>
    <definedName name="代価表番号">#REF!</definedName>
    <definedName name="代価表名称">#REF!</definedName>
    <definedName name="大工">#REF!</definedName>
    <definedName name="大阪ビル">#REF!</definedName>
    <definedName name="大阪住宅">#REF!</definedName>
    <definedName name="大便器">#REF!</definedName>
    <definedName name="単位">#REF!</definedName>
    <definedName name="単位工量">#REF!</definedName>
    <definedName name="単価">#REF!</definedName>
    <definedName name="単価１">#REF!</definedName>
    <definedName name="単価コード">[53]単価コード!$B$1:$H$65536</definedName>
    <definedName name="単価内訳書">#REF!</definedName>
    <definedName name="地質調査員">#REF!</definedName>
    <definedName name="地質調査技師">#REF!</definedName>
    <definedName name="中荷重1">#REF!</definedName>
    <definedName name="中荷重2">#REF!</definedName>
    <definedName name="中部">#REF!</definedName>
    <definedName name="抽出項目">#REF!</definedName>
    <definedName name="鋳鉄管">#REF!</definedName>
    <definedName name="鋳鉄管切断機500以下">#REF!</definedName>
    <definedName name="鋳鉄管弁類">#REF!</definedName>
    <definedName name="直仮">[2]内訳!$A$79</definedName>
    <definedName name="直工">#REF!</definedName>
    <definedName name="直接工事費">#REF!</definedName>
    <definedName name="低減率">#REF!</definedName>
    <definedName name="提出範囲">[1]歩・屋!$B$3:$V$372</definedName>
    <definedName name="摘要">#REF!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一般率表">#REF!</definedName>
    <definedName name="電気温水器">[1]歩・屋!$W$9</definedName>
    <definedName name="電気温水器B">[1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気変更">#REF!</definedName>
    <definedName name="電工">#REF!</definedName>
    <definedName name="電工1">[13]ｹｰﾌﾞﾙ計!#REF!</definedName>
    <definedName name="電線管埋設">#REF!</definedName>
    <definedName name="電柱基礎">#REF!</definedName>
    <definedName name="電灯分電盤歩掛表">#REF!</definedName>
    <definedName name="吐">[26]内訳!#REF!</definedName>
    <definedName name="吐１">[26]内訳!#REF!</definedName>
    <definedName name="吐出">[26]内訳!#REF!</definedName>
    <definedName name="吐出弁">[26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[2]仮設躯体!#REF!</definedName>
    <definedName name="土木一般世話役">#REF!</definedName>
    <definedName name="土木世話役">#REF!</definedName>
    <definedName name="土留工">#REF!</definedName>
    <definedName name="土量計算書">[23]表紙!#REF!</definedName>
    <definedName name="東海">#REF!</definedName>
    <definedName name="東京ビル">#REF!</definedName>
    <definedName name="東京住宅">#REF!</definedName>
    <definedName name="東面">#REF!</definedName>
    <definedName name="当り">#REF!</definedName>
    <definedName name="頭">[54]!印刷</definedName>
    <definedName name="頭出しA">[8]修正履歴!#REF!</definedName>
    <definedName name="動力操作盤歩掛表">#REF!</definedName>
    <definedName name="特殊">#REF!</definedName>
    <definedName name="特殊運転手">#REF!</definedName>
    <definedName name="特殊作業員">#REF!</definedName>
    <definedName name="特殊製品">#REF!</definedName>
    <definedName name="鳶工">#REF!</definedName>
    <definedName name="奈良ビル">#REF!</definedName>
    <definedName name="奈良住宅">#REF!</definedName>
    <definedName name="内屋根">[2]内訳!$A$153</definedName>
    <definedName name="内外構">[2]内訳!$A$361</definedName>
    <definedName name="内躯体">[2]内訳!$A$56</definedName>
    <definedName name="内装工">#REF!</definedName>
    <definedName name="内部建具">[2]内部!$A$1</definedName>
    <definedName name="内部雑">[2]内訳!$A$316</definedName>
    <definedName name="内訳">[55]表紙!#REF!</definedName>
    <definedName name="内訳2">[56]内訳!#REF!</definedName>
    <definedName name="内訳一覧">[57]経費計算書!$A$1:$M$57</definedName>
    <definedName name="内訳書">[58]別紙内訳!#REF!</definedName>
    <definedName name="内訳書起点">#REF!</definedName>
    <definedName name="南面">#REF!</definedName>
    <definedName name="二次">#REF!</definedName>
    <definedName name="二次診断図面無">#REF!</definedName>
    <definedName name="二次診断図面有">#REF!</definedName>
    <definedName name="二次製品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59]排水器具・ﾄﾗｯﾌﾟ!$V$50:$AC$70</definedName>
    <definedName name="排水PS">#REF!</definedName>
    <definedName name="排水器具･ﾄﾗｯﾌﾟ等">[59]排水器具・ﾄﾗｯﾌﾟ!$V$50:$AC$70</definedName>
    <definedName name="配管">#REF!</definedName>
    <definedName name="配管工">#REF!</definedName>
    <definedName name="配線器具">#REF!</definedName>
    <definedName name="剥離剤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比較">#REF!</definedName>
    <definedName name="費">'[60]代価表 '!$Z$6</definedName>
    <definedName name="表紙">[61]!印刷</definedName>
    <definedName name="不活性ガス">[1]歩・屋!$W$13</definedName>
    <definedName name="付属品率">#REF!</definedName>
    <definedName name="付帯">[2]付帯!$C$4</definedName>
    <definedName name="普作1">[13]ｹｰﾌﾞﾙ計!#REF!</definedName>
    <definedName name="普通">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33]表紙!#REF!</definedName>
    <definedName name="複合工集計表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写">#REF!</definedName>
    <definedName name="複写範囲">#REF!</definedName>
    <definedName name="兵庫ビル">#REF!</definedName>
    <definedName name="兵庫県都まちづくり部設備課">[62]小項目!#REF!</definedName>
    <definedName name="兵庫住宅">#REF!</definedName>
    <definedName name="頁枚数">[12]表紙!#REF!</definedName>
    <definedName name="別途">[2]付帯!$F$3</definedName>
    <definedName name="別表３">#REF!</definedName>
    <definedName name="別表５">#REF!</definedName>
    <definedName name="変更用紙">[49]!印刷</definedName>
    <definedName name="変数1">#REF!</definedName>
    <definedName name="変数2">#REF!</definedName>
    <definedName name="変数3">#REF!</definedName>
    <definedName name="保温工">#REF!</definedName>
    <definedName name="保存">#N/A</definedName>
    <definedName name="舗装復旧工">#REF!</definedName>
    <definedName name="歩掛け">#REF!</definedName>
    <definedName name="歩掛参照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北面">#REF!</definedName>
    <definedName name="墨出し">#N/A</definedName>
    <definedName name="埋戻">#REF!</definedName>
    <definedName name="桝深">#REF!</definedName>
    <definedName name="密粒AS">#REF!</definedName>
    <definedName name="名称">#REF!</definedName>
    <definedName name="問い合せ">#REF!</definedName>
    <definedName name="役務">#REF!</definedName>
    <definedName name="輸送費">#REF!</definedName>
    <definedName name="予定価格積算書">#REF!</definedName>
    <definedName name="幼児便器">#REF!</definedName>
    <definedName name="容積品">#REF!</definedName>
    <definedName name="擁壁小">[44]工事費内訳表!$H$43</definedName>
    <definedName name="擁壁大">[44]工事費内訳表!$H$69</definedName>
    <definedName name="洋風便器">#REF!</definedName>
    <definedName name="溶接工">#REF!</definedName>
    <definedName name="溶接棒">#REF!</definedName>
    <definedName name="用_途">#REF!</definedName>
    <definedName name="欄1">#REF!</definedName>
    <definedName name="欄10">#REF!</definedName>
    <definedName name="欄11">#REF!</definedName>
    <definedName name="欄12">#REF!</definedName>
    <definedName name="欄13">#REF!</definedName>
    <definedName name="欄14">#REF!</definedName>
    <definedName name="欄15">#REF!</definedName>
    <definedName name="欄16">#REF!</definedName>
    <definedName name="欄17">#REF!</definedName>
    <definedName name="欄18">#REF!</definedName>
    <definedName name="欄19">#REF!</definedName>
    <definedName name="欄2">#REF!</definedName>
    <definedName name="欄20">#REF!</definedName>
    <definedName name="欄3">#REF!</definedName>
    <definedName name="欄4">#REF!</definedName>
    <definedName name="欄5">#REF!</definedName>
    <definedName name="欄6">#REF!</definedName>
    <definedName name="欄7">#REF!</definedName>
    <definedName name="欄8">#REF!</definedName>
    <definedName name="欄9">#REF!</definedName>
    <definedName name="理事_技師長">#REF!</definedName>
    <definedName name="率元">#REF!</definedName>
    <definedName name="粒調砕石Mｰ30">#REF!</definedName>
    <definedName name="鈴鹿市">#REF!</definedName>
    <definedName name="列幅変更">#REF!</definedName>
    <definedName name="路床砕石">#REF!</definedName>
    <definedName name="労務">#REF!</definedName>
    <definedName name="労務原価">#REF!</definedName>
    <definedName name="労務者輸送">#REF!</definedName>
    <definedName name="労務者輸送費">#REF!</definedName>
    <definedName name="労務単価">#REF!</definedName>
    <definedName name="労務費">#REF!</definedName>
  </definedNames>
  <calcPr calcId="145621"/>
</workbook>
</file>

<file path=xl/sharedStrings.xml><?xml version="1.0" encoding="utf-8"?>
<sst xmlns="http://schemas.openxmlformats.org/spreadsheetml/2006/main" count="32" uniqueCount="28">
  <si>
    <t>記号</t>
  </si>
  <si>
    <t>名　　　称</t>
  </si>
  <si>
    <t>摘　　　要</t>
  </si>
  <si>
    <t>単位</t>
  </si>
  <si>
    <t>数　量</t>
  </si>
  <si>
    <t>金　　　額</t>
  </si>
  <si>
    <t>備　　　考</t>
  </si>
  <si>
    <t>小計</t>
    <rPh sb="0" eb="2">
      <t>ショウケイ</t>
    </rPh>
    <phoneticPr fontId="5"/>
  </si>
  <si>
    <t>式</t>
  </si>
  <si>
    <t>種目別内訳書</t>
    <rPh sb="0" eb="2">
      <t>シュモク</t>
    </rPh>
    <rPh sb="2" eb="3">
      <t>ベツ</t>
    </rPh>
    <rPh sb="3" eb="6">
      <t>ウチワケショ</t>
    </rPh>
    <phoneticPr fontId="4"/>
  </si>
  <si>
    <t>Ⅰ</t>
  </si>
  <si>
    <t>直接工事費</t>
  </si>
  <si>
    <t>建築工事</t>
    <rPh sb="0" eb="2">
      <t>ケンチク</t>
    </rPh>
    <rPh sb="2" eb="4">
      <t>コウジ</t>
    </rPh>
    <phoneticPr fontId="4"/>
  </si>
  <si>
    <t>式</t>
    <rPh sb="0" eb="1">
      <t>シキ</t>
    </rPh>
    <phoneticPr fontId="4"/>
  </si>
  <si>
    <t>Ⅱ</t>
  </si>
  <si>
    <t>共通費</t>
  </si>
  <si>
    <t>共通仮設費</t>
  </si>
  <si>
    <t>現場管理費</t>
    <rPh sb="2" eb="5">
      <t>カンリヒ</t>
    </rPh>
    <phoneticPr fontId="4"/>
  </si>
  <si>
    <t>一般管理費等</t>
    <rPh sb="5" eb="6">
      <t>トウ</t>
    </rPh>
    <phoneticPr fontId="4"/>
  </si>
  <si>
    <t>工事価格</t>
  </si>
  <si>
    <t>式</t>
    <rPh sb="0" eb="1">
      <t>シキ</t>
    </rPh>
    <phoneticPr fontId="4"/>
  </si>
  <si>
    <t>建築機械工事</t>
    <rPh sb="0" eb="2">
      <t>ケンチク</t>
    </rPh>
    <rPh sb="2" eb="4">
      <t>キカイ</t>
    </rPh>
    <rPh sb="4" eb="6">
      <t>コウジ</t>
    </rPh>
    <phoneticPr fontId="4"/>
  </si>
  <si>
    <t>建築電気工事</t>
    <rPh sb="0" eb="2">
      <t>ケンチク</t>
    </rPh>
    <rPh sb="2" eb="4">
      <t>デンキ</t>
    </rPh>
    <rPh sb="4" eb="6">
      <t>コウジ</t>
    </rPh>
    <phoneticPr fontId="4"/>
  </si>
  <si>
    <t>廃材処分費</t>
    <rPh sb="0" eb="2">
      <t>ハイザイ</t>
    </rPh>
    <rPh sb="2" eb="4">
      <t>ショブン</t>
    </rPh>
    <rPh sb="4" eb="5">
      <t>ヒ</t>
    </rPh>
    <phoneticPr fontId="4"/>
  </si>
  <si>
    <t>式</t>
    <rPh sb="0" eb="1">
      <t>シキ</t>
    </rPh>
    <phoneticPr fontId="4"/>
  </si>
  <si>
    <t>工事名：常磐ポンプ場改修工事</t>
    <rPh sb="0" eb="2">
      <t>コウジ</t>
    </rPh>
    <rPh sb="2" eb="3">
      <t>メイ</t>
    </rPh>
    <rPh sb="4" eb="6">
      <t>トキワ</t>
    </rPh>
    <rPh sb="9" eb="10">
      <t>ジョウ</t>
    </rPh>
    <rPh sb="10" eb="12">
      <t>カイシュウ</t>
    </rPh>
    <rPh sb="12" eb="14">
      <t>コウジ</t>
    </rPh>
    <phoneticPr fontId="4"/>
  </si>
  <si>
    <t>工事費内訳書</t>
    <rPh sb="0" eb="2">
      <t>コウジ</t>
    </rPh>
    <rPh sb="2" eb="3">
      <t>ヒ</t>
    </rPh>
    <rPh sb="3" eb="6">
      <t>ウチワケショ</t>
    </rPh>
    <phoneticPr fontId="4"/>
  </si>
  <si>
    <t>　　共通費 計</t>
    <rPh sb="2" eb="4">
      <t>キョウツウ</t>
    </rPh>
    <rPh sb="4" eb="5">
      <t>ヒ</t>
    </rPh>
    <rPh sb="6" eb="7">
      <t>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4">
    <numFmt numFmtId="8" formatCode="&quot;¥&quot;#,##0.00;[Red]&quot;¥&quot;\-#,##0.00"/>
    <numFmt numFmtId="42" formatCode="_ &quot;¥&quot;* #,##0_ ;_ &quot;¥&quot;* \-#,##0_ ;_ &quot;¥&quot;* &quot;-&quot;_ ;_ @_ "/>
    <numFmt numFmtId="43" formatCode="_ * #,##0.00_ ;_ * \-#,##0.00_ ;_ * &quot;-&quot;??_ ;_ @_ "/>
    <numFmt numFmtId="176" formatCode="#,##0.0"/>
    <numFmt numFmtId="177" formatCode="#,##0;&quot;▲ &quot;#,##0"/>
    <numFmt numFmtId="178" formatCode="0.0"/>
    <numFmt numFmtId="179" formatCode="#,##0;;"/>
    <numFmt numFmtId="180" formatCode="&quot;$&quot;#,##0_);[Red]\(&quot;$&quot;#,##0\)"/>
    <numFmt numFmtId="181" formatCode="#,##0.0&quot;℃&quot;"/>
    <numFmt numFmtId="182" formatCode="#,##0.0&quot;CMH&quot;"/>
    <numFmt numFmtId="183" formatCode="#,##0.0&quot;CMH/m2&quot;"/>
    <numFmt numFmtId="184" formatCode="#,##0.0&quot;CMH/人&quot;"/>
    <numFmt numFmtId="185" formatCode="#,##0.0&quot;kcal/h&quot;"/>
    <numFmt numFmtId="186" formatCode="#,##0.0&quot;kcal/hm2&quot;"/>
    <numFmt numFmtId="187" formatCode="#,##0&quot;kcal/h人&quot;"/>
    <numFmt numFmtId="188" formatCode="#,##0.0&quot;kcal/m3&quot;"/>
    <numFmt numFmtId="189" formatCode="#,##0.0&quot;kg/kg&quot;"/>
    <numFmt numFmtId="190" formatCode="#,##0.0&quot;L/min&quot;"/>
    <numFmt numFmtId="191" formatCode="#,##0.0&quot;L/人&quot;"/>
    <numFmt numFmtId="192" formatCode="#,##0.0&quot;m&quot;"/>
    <numFmt numFmtId="193" formatCode="#,##0.0&quot;m/s&quot;"/>
    <numFmt numFmtId="194" formatCode="#,##0.0&quot;m2&quot;"/>
    <numFmt numFmtId="195" formatCode="#,##0.0&quot;m3&quot;"/>
    <numFmt numFmtId="196" formatCode="#,##0.0&quot;m3/日&quot;"/>
    <numFmt numFmtId="197" formatCode="#,##0.0&quot;Mcal/日&quot;"/>
    <numFmt numFmtId="198" formatCode="#,##0.0&quot;Mcal/h&quot;"/>
    <numFmt numFmtId="199" formatCode="#,##0.0&quot;Mcal/hm2&quot;"/>
    <numFmt numFmtId="200" formatCode="#,##0.0&quot;USRT&quot;"/>
    <numFmt numFmtId="201" formatCode="#,##0.0&quot;USRT/m2&quot;"/>
    <numFmt numFmtId="202" formatCode="#,##0.0&quot;VA/m2&quot;"/>
    <numFmt numFmtId="203" formatCode="#,##0.0&quot;w/m2&quot;"/>
    <numFmt numFmtId="204" formatCode="#,##0&quot;φ&quot;"/>
    <numFmt numFmtId="205" formatCode="#,##0.0&quot;回/h&quot;"/>
    <numFmt numFmtId="206" formatCode="#,##0.0&quot;人/m2&quot;"/>
    <numFmt numFmtId="207" formatCode="&quot;（&quot;#&quot;）&quot;;;&quot;(              )&quot;"/>
    <numFmt numFmtId="208" formatCode="_(&quot;$&quot;* #,##0_);_(&quot;$&quot;* \(#,##0\);_(&quot;$&quot;* &quot;-&quot;_);_(@_)"/>
    <numFmt numFmtId="209" formatCode="_(&quot;$&quot;* #,##0.00_);_(&quot;$&quot;* \(#,##0.00\);_(&quot;$&quot;* &quot;-&quot;??_);_(@_)"/>
    <numFmt numFmtId="210" formatCode="0.00_)"/>
    <numFmt numFmtId="211" formatCode="#,##0\ ;\-#,##0\ ;_ * &quot;- &quot;_ ;_ @_ "/>
    <numFmt numFmtId="212" formatCode="_(&quot;¥&quot;* #,##0_);_(&quot;¥&quot;* \(#,##0\);_(&quot;¥&quot;* &quot;-&quot;??_);_(@_)"/>
    <numFmt numFmtId="213" formatCode="#,##0.0;[Red]\-#,##0.0"/>
    <numFmt numFmtId="214" formatCode="#,##0\-;&quot;▲&quot;#,##0\-"/>
    <numFmt numFmtId="215" formatCode="&quot;¥&quot;#,##0\-;&quot;¥&quot;&quot;▲&quot;#,##0\-"/>
    <numFmt numFmtId="216" formatCode="#%"/>
  </numFmts>
  <fonts count="59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11"/>
      <name val="Helv"/>
      <family val="2"/>
    </font>
    <font>
      <b/>
      <sz val="9"/>
      <name val="Times New Roman"/>
      <family val="1"/>
    </font>
    <font>
      <sz val="14"/>
      <name val="ＭＳ ゴシック"/>
      <family val="3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9"/>
      <name val="細明朝体"/>
      <family val="3"/>
      <charset val="128"/>
    </font>
    <font>
      <sz val="11"/>
      <name val="ＭＳ Ｐゴシック"/>
      <family val="3"/>
      <charset val="128"/>
    </font>
    <font>
      <sz val="14"/>
      <name val="ＭＳ 明朝"/>
      <family val="1"/>
      <charset val="128"/>
    </font>
    <font>
      <sz val="11"/>
      <name val="lr oSVbN"/>
      <family val="2"/>
    </font>
    <font>
      <b/>
      <sz val="16"/>
      <color indexed="8"/>
      <name val="ＭＳ Ｐゴシック"/>
      <family val="3"/>
      <charset val="128"/>
    </font>
    <font>
      <sz val="10"/>
      <color indexed="12"/>
      <name val="ＭＳ 明朝"/>
      <family val="1"/>
      <charset val="128"/>
    </font>
    <font>
      <sz val="12"/>
      <name val="ＭＳ ゴシック"/>
      <family val="3"/>
      <charset val="128"/>
    </font>
    <font>
      <sz val="16"/>
      <color indexed="8"/>
      <name val="ＭＳ Ｐゴシック"/>
      <family val="1"/>
      <charset val="128"/>
    </font>
    <font>
      <sz val="8"/>
      <name val="明朝"/>
      <family val="1"/>
      <charset val="128"/>
    </font>
    <font>
      <sz val="12"/>
      <name val="ＭＳ 明朝"/>
      <family val="1"/>
      <charset val="128"/>
    </font>
    <font>
      <sz val="11"/>
      <color indexed="9"/>
      <name val="ＭＳ ゴシック"/>
      <family val="3"/>
      <charset val="128"/>
    </font>
    <font>
      <sz val="10"/>
      <name val="ＭＳ Ｐゴシック"/>
      <family val="3"/>
      <charset val="128"/>
    </font>
    <font>
      <sz val="10.050000000000001"/>
      <name val="ＭＳ 明朝"/>
      <family val="1"/>
      <charset val="128"/>
    </font>
    <font>
      <sz val="10"/>
      <name val="細明朝体"/>
      <family val="3"/>
      <charset val="128"/>
    </font>
    <font>
      <sz val="8"/>
      <name val="Arial"/>
      <family val="2"/>
    </font>
    <font>
      <sz val="10"/>
      <name val="MS Sans Serif"/>
      <family val="2"/>
    </font>
    <font>
      <sz val="12"/>
      <name val="ＭＳ Ｐゴシック"/>
      <family val="3"/>
      <charset val="128"/>
    </font>
    <font>
      <sz val="10.5"/>
      <name val="ＭＳ 明朝"/>
      <family val="1"/>
      <charset val="128"/>
    </font>
    <font>
      <sz val="11"/>
      <name val="ＭＳ Ｐ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9"/>
      <color indexed="8"/>
      <name val="ＭＳ ゴシック"/>
      <family val="3"/>
      <charset val="128"/>
    </font>
    <font>
      <sz val="9"/>
      <color indexed="9"/>
      <name val="ＭＳ ゴシック"/>
      <family val="3"/>
      <charset val="128"/>
    </font>
    <font>
      <sz val="11"/>
      <name val="明朝"/>
      <family val="1"/>
      <charset val="128"/>
    </font>
    <font>
      <b/>
      <i/>
      <sz val="16"/>
      <name val="Helv"/>
      <family val="2"/>
    </font>
    <font>
      <b/>
      <sz val="10"/>
      <name val="MS Sans Serif"/>
      <family val="2"/>
    </font>
    <font>
      <b/>
      <sz val="18"/>
      <color indexed="56"/>
      <name val="ＭＳ Ｐゴシック"/>
      <family val="3"/>
      <charset val="128"/>
    </font>
    <font>
      <b/>
      <sz val="9"/>
      <color indexed="9"/>
      <name val="ＭＳ ゴシック"/>
      <family val="3"/>
      <charset val="128"/>
    </font>
    <font>
      <sz val="9"/>
      <color indexed="60"/>
      <name val="ＭＳ ゴシック"/>
      <family val="3"/>
      <charset val="128"/>
    </font>
    <font>
      <sz val="9"/>
      <color indexed="52"/>
      <name val="ＭＳ ゴシック"/>
      <family val="3"/>
      <charset val="128"/>
    </font>
    <font>
      <sz val="9"/>
      <color indexed="20"/>
      <name val="ＭＳ ゴシック"/>
      <family val="3"/>
      <charset val="128"/>
    </font>
    <font>
      <b/>
      <sz val="9"/>
      <color indexed="52"/>
      <name val="ＭＳ ゴシック"/>
      <family val="3"/>
      <charset val="128"/>
    </font>
    <font>
      <sz val="9"/>
      <color indexed="10"/>
      <name val="ＭＳ ゴシック"/>
      <family val="3"/>
      <charset val="128"/>
    </font>
    <font>
      <b/>
      <sz val="15"/>
      <color indexed="56"/>
      <name val="ＭＳ ゴシック"/>
      <family val="3"/>
      <charset val="128"/>
    </font>
    <font>
      <b/>
      <sz val="13"/>
      <color indexed="56"/>
      <name val="ＭＳ ゴシック"/>
      <family val="3"/>
      <charset val="128"/>
    </font>
    <font>
      <b/>
      <sz val="11"/>
      <color indexed="56"/>
      <name val="ＭＳ ゴシック"/>
      <family val="3"/>
      <charset val="128"/>
    </font>
    <font>
      <b/>
      <sz val="9"/>
      <color indexed="8"/>
      <name val="ＭＳ ゴシック"/>
      <family val="3"/>
      <charset val="128"/>
    </font>
    <font>
      <b/>
      <sz val="9"/>
      <color indexed="63"/>
      <name val="ＭＳ ゴシック"/>
      <family val="3"/>
      <charset val="128"/>
    </font>
    <font>
      <sz val="16"/>
      <color indexed="8"/>
      <name val="ＭＳ Ｐゴシック"/>
      <family val="3"/>
      <charset val="128"/>
    </font>
    <font>
      <i/>
      <sz val="9"/>
      <color indexed="23"/>
      <name val="ＭＳ ゴシック"/>
      <family val="3"/>
      <charset val="128"/>
    </font>
    <font>
      <sz val="12"/>
      <name val="明朝"/>
      <family val="1"/>
      <charset val="128"/>
    </font>
    <font>
      <sz val="9"/>
      <color indexed="62"/>
      <name val="ＭＳ ゴシック"/>
      <family val="3"/>
      <charset val="128"/>
    </font>
    <font>
      <sz val="9"/>
      <color indexed="17"/>
      <name val="ＭＳ ゴシック"/>
      <family val="3"/>
      <charset val="128"/>
    </font>
  </fonts>
  <fills count="30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</patternFill>
    </fill>
    <fill>
      <patternFill patternType="solid">
        <fgColor indexed="9"/>
        <bgColor indexed="9"/>
      </patternFill>
    </fill>
    <fill>
      <patternFill patternType="gray06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9"/>
        <bgColor indexed="64"/>
      </patternFill>
    </fill>
    <fill>
      <patternFill patternType="solid">
        <fgColor indexed="22"/>
      </patternFill>
    </fill>
  </fills>
  <borders count="41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8"/>
      </top>
      <bottom/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68">
    <xf numFmtId="0" fontId="0" fillId="0" borderId="0"/>
    <xf numFmtId="40" fontId="19" fillId="0" borderId="0" applyFont="0" applyFill="0" applyBorder="0" applyAlignment="0" applyProtection="0"/>
    <xf numFmtId="181" fontId="29" fillId="0" borderId="1"/>
    <xf numFmtId="176" fontId="5" fillId="0" borderId="0" applyFill="0" applyBorder="0" applyAlignment="0"/>
    <xf numFmtId="182" fontId="29" fillId="0" borderId="1"/>
    <xf numFmtId="183" fontId="29" fillId="0" borderId="1"/>
    <xf numFmtId="184" fontId="29" fillId="0" borderId="1"/>
    <xf numFmtId="0" fontId="6" fillId="0" borderId="0">
      <alignment horizontal="left"/>
    </xf>
    <xf numFmtId="8" fontId="19" fillId="0" borderId="0" applyFont="0" applyFill="0" applyBorder="0" applyAlignment="0" applyProtection="0"/>
    <xf numFmtId="38" fontId="30" fillId="2" borderId="0" applyNumberFormat="0" applyBorder="0" applyAlignment="0" applyProtection="0"/>
    <xf numFmtId="0" fontId="7" fillId="0" borderId="2" applyNumberFormat="0" applyAlignment="0" applyProtection="0">
      <alignment horizontal="left" vertical="center"/>
    </xf>
    <xf numFmtId="0" fontId="7" fillId="0" borderId="3">
      <alignment horizontal="left" vertical="center"/>
    </xf>
    <xf numFmtId="10" fontId="30" fillId="3" borderId="4" applyNumberFormat="0" applyBorder="0" applyAlignment="0" applyProtection="0"/>
    <xf numFmtId="185" fontId="29" fillId="0" borderId="1"/>
    <xf numFmtId="186" fontId="29" fillId="0" borderId="1"/>
    <xf numFmtId="187" fontId="29" fillId="0" borderId="1"/>
    <xf numFmtId="188" fontId="29" fillId="0" borderId="1"/>
    <xf numFmtId="189" fontId="29" fillId="0" borderId="1"/>
    <xf numFmtId="190" fontId="29" fillId="0" borderId="1"/>
    <xf numFmtId="191" fontId="29" fillId="0" borderId="1"/>
    <xf numFmtId="192" fontId="29" fillId="0" borderId="1"/>
    <xf numFmtId="193" fontId="29" fillId="0" borderId="1"/>
    <xf numFmtId="194" fontId="29" fillId="0" borderId="1"/>
    <xf numFmtId="195" fontId="29" fillId="0" borderId="1"/>
    <xf numFmtId="196" fontId="29" fillId="0" borderId="1"/>
    <xf numFmtId="197" fontId="29" fillId="0" borderId="1"/>
    <xf numFmtId="198" fontId="29" fillId="0" borderId="1"/>
    <xf numFmtId="199" fontId="29" fillId="0" borderId="1"/>
    <xf numFmtId="180" fontId="3" fillId="0" borderId="0"/>
    <xf numFmtId="0" fontId="8" fillId="0" borderId="0"/>
    <xf numFmtId="10" fontId="8" fillId="0" borderId="0" applyFont="0" applyFill="0" applyBorder="0" applyAlignment="0" applyProtection="0"/>
    <xf numFmtId="4" fontId="6" fillId="0" borderId="0">
      <alignment horizontal="right"/>
    </xf>
    <xf numFmtId="4" fontId="9" fillId="0" borderId="0">
      <alignment horizontal="right"/>
    </xf>
    <xf numFmtId="0" fontId="10" fillId="0" borderId="0">
      <alignment horizontal="left"/>
    </xf>
    <xf numFmtId="0" fontId="31" fillId="0" borderId="0"/>
    <xf numFmtId="1" fontId="32" fillId="0" borderId="0"/>
    <xf numFmtId="1" fontId="32" fillId="0" borderId="0"/>
    <xf numFmtId="1" fontId="32" fillId="0" borderId="0"/>
    <xf numFmtId="1" fontId="32" fillId="0" borderId="0"/>
    <xf numFmtId="1" fontId="32" fillId="0" borderId="0"/>
    <xf numFmtId="1" fontId="32" fillId="0" borderId="0"/>
    <xf numFmtId="1" fontId="32" fillId="0" borderId="0"/>
    <xf numFmtId="1" fontId="32" fillId="0" borderId="0"/>
    <xf numFmtId="0" fontId="11" fillId="0" borderId="0"/>
    <xf numFmtId="0" fontId="12" fillId="0" borderId="0">
      <alignment horizontal="center"/>
    </xf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200" fontId="29" fillId="0" borderId="1"/>
    <xf numFmtId="201" fontId="29" fillId="0" borderId="1"/>
    <xf numFmtId="202" fontId="29" fillId="0" borderId="1"/>
    <xf numFmtId="203" fontId="29" fillId="0" borderId="1"/>
    <xf numFmtId="204" fontId="29" fillId="0" borderId="1"/>
    <xf numFmtId="9" fontId="5" fillId="0" borderId="0" applyFont="0" applyFill="0" applyBorder="0" applyAlignment="0" applyProtection="0"/>
    <xf numFmtId="0" fontId="3" fillId="0" borderId="5" applyNumberFormat="0" applyFill="0" applyBorder="0" applyAlignment="0" applyProtection="0">
      <alignment horizontal="distributed" vertical="center" justifyLastLine="1"/>
    </xf>
    <xf numFmtId="0" fontId="5" fillId="0" borderId="6"/>
    <xf numFmtId="0" fontId="20" fillId="4" borderId="0">
      <alignment horizontal="right" vertical="top"/>
    </xf>
    <xf numFmtId="205" fontId="29" fillId="0" borderId="1"/>
    <xf numFmtId="40" fontId="13" fillId="0" borderId="0" applyFont="0" applyFill="0" applyAlignment="0" applyProtection="0"/>
    <xf numFmtId="38" fontId="5" fillId="0" borderId="0" applyFont="0" applyFill="0" applyBorder="0" applyAlignment="0" applyProtection="0"/>
    <xf numFmtId="38" fontId="27" fillId="0" borderId="0" applyFont="0" applyFill="0" applyBorder="0" applyAlignment="0" applyProtection="0"/>
    <xf numFmtId="179" fontId="21" fillId="0" borderId="7" applyFill="0" applyBorder="0" applyProtection="0"/>
    <xf numFmtId="3" fontId="14" fillId="0" borderId="0" applyFont="0" applyFill="0" applyBorder="0" applyAlignment="0" applyProtection="0"/>
    <xf numFmtId="0" fontId="14" fillId="0" borderId="1" applyFont="0" applyFill="0" applyBorder="0" applyAlignment="0" applyProtection="0">
      <alignment horizontal="right"/>
    </xf>
    <xf numFmtId="4" fontId="14" fillId="0" borderId="1" applyFont="0" applyFill="0" applyBorder="0" applyAlignment="0" applyProtection="0"/>
    <xf numFmtId="0" fontId="22" fillId="0" borderId="4"/>
    <xf numFmtId="206" fontId="29" fillId="0" borderId="1"/>
    <xf numFmtId="178" fontId="23" fillId="4" borderId="8">
      <alignment horizontal="right"/>
    </xf>
    <xf numFmtId="2" fontId="15" fillId="0" borderId="9">
      <alignment horizontal="center"/>
    </xf>
    <xf numFmtId="0" fontId="16" fillId="0" borderId="0" applyNumberFormat="0" applyAlignment="0">
      <alignment horizontal="center" wrapText="1"/>
    </xf>
    <xf numFmtId="0" fontId="16" fillId="0" borderId="0" applyNumberFormat="0" applyBorder="0" applyAlignment="0">
      <alignment horizontal="center" wrapText="1"/>
    </xf>
    <xf numFmtId="37" fontId="17" fillId="5" borderId="10"/>
    <xf numFmtId="58" fontId="14" fillId="0" borderId="0" applyFont="0" applyFill="0" applyBorder="0" applyAlignment="0" applyProtection="0"/>
    <xf numFmtId="3" fontId="33" fillId="6" borderId="0"/>
    <xf numFmtId="0" fontId="28" fillId="0" borderId="0"/>
    <xf numFmtId="0" fontId="3" fillId="0" borderId="0"/>
    <xf numFmtId="0" fontId="24" fillId="0" borderId="0"/>
    <xf numFmtId="0" fontId="14" fillId="0" borderId="0"/>
    <xf numFmtId="0" fontId="25" fillId="0" borderId="0" applyBorder="0">
      <alignment vertical="center"/>
    </xf>
    <xf numFmtId="0" fontId="18" fillId="0" borderId="0"/>
    <xf numFmtId="38" fontId="1" fillId="0" borderId="0" applyFont="0" applyFill="0" applyBorder="0" applyAlignment="0" applyProtection="0"/>
    <xf numFmtId="0" fontId="25" fillId="0" borderId="25" applyNumberFormat="0" applyFont="0" applyFill="0" applyAlignment="0" applyProtection="0"/>
    <xf numFmtId="0" fontId="37" fillId="7" borderId="0" applyNumberFormat="0" applyBorder="0" applyAlignment="0" applyProtection="0">
      <alignment vertical="center"/>
    </xf>
    <xf numFmtId="0" fontId="37" fillId="8" borderId="0" applyNumberFormat="0" applyBorder="0" applyAlignment="0" applyProtection="0">
      <alignment vertical="center"/>
    </xf>
    <xf numFmtId="0" fontId="37" fillId="9" borderId="0" applyNumberFormat="0" applyBorder="0" applyAlignment="0" applyProtection="0">
      <alignment vertical="center"/>
    </xf>
    <xf numFmtId="0" fontId="37" fillId="10" borderId="0" applyNumberFormat="0" applyBorder="0" applyAlignment="0" applyProtection="0">
      <alignment vertical="center"/>
    </xf>
    <xf numFmtId="0" fontId="37" fillId="11" borderId="0" applyNumberFormat="0" applyBorder="0" applyAlignment="0" applyProtection="0">
      <alignment vertical="center"/>
    </xf>
    <xf numFmtId="0" fontId="37" fillId="12" borderId="0" applyNumberFormat="0" applyBorder="0" applyAlignment="0" applyProtection="0">
      <alignment vertical="center"/>
    </xf>
    <xf numFmtId="0" fontId="37" fillId="13" borderId="0" applyNumberFormat="0" applyBorder="0" applyAlignment="0" applyProtection="0">
      <alignment vertical="center"/>
    </xf>
    <xf numFmtId="0" fontId="37" fillId="14" borderId="0" applyNumberFormat="0" applyBorder="0" applyAlignment="0" applyProtection="0">
      <alignment vertical="center"/>
    </xf>
    <xf numFmtId="0" fontId="37" fillId="15" borderId="0" applyNumberFormat="0" applyBorder="0" applyAlignment="0" applyProtection="0">
      <alignment vertical="center"/>
    </xf>
    <xf numFmtId="0" fontId="37" fillId="10" borderId="0" applyNumberFormat="0" applyBorder="0" applyAlignment="0" applyProtection="0">
      <alignment vertical="center"/>
    </xf>
    <xf numFmtId="0" fontId="37" fillId="13" borderId="0" applyNumberFormat="0" applyBorder="0" applyAlignment="0" applyProtection="0">
      <alignment vertical="center"/>
    </xf>
    <xf numFmtId="0" fontId="37" fillId="16" borderId="0" applyNumberFormat="0" applyBorder="0" applyAlignment="0" applyProtection="0">
      <alignment vertical="center"/>
    </xf>
    <xf numFmtId="0" fontId="38" fillId="17" borderId="0" applyNumberFormat="0" applyBorder="0" applyAlignment="0" applyProtection="0">
      <alignment vertical="center"/>
    </xf>
    <xf numFmtId="0" fontId="38" fillId="14" borderId="0" applyNumberFormat="0" applyBorder="0" applyAlignment="0" applyProtection="0">
      <alignment vertical="center"/>
    </xf>
    <xf numFmtId="0" fontId="38" fillId="15" borderId="0" applyNumberFormat="0" applyBorder="0" applyAlignment="0" applyProtection="0">
      <alignment vertical="center"/>
    </xf>
    <xf numFmtId="0" fontId="38" fillId="18" borderId="0" applyNumberFormat="0" applyBorder="0" applyAlignment="0" applyProtection="0">
      <alignment vertical="center"/>
    </xf>
    <xf numFmtId="0" fontId="38" fillId="19" borderId="0" applyNumberFormat="0" applyBorder="0" applyAlignment="0" applyProtection="0">
      <alignment vertical="center"/>
    </xf>
    <xf numFmtId="0" fontId="38" fillId="20" borderId="0" applyNumberFormat="0" applyBorder="0" applyAlignment="0" applyProtection="0">
      <alignment vertical="center"/>
    </xf>
    <xf numFmtId="207" fontId="39" fillId="0" borderId="0" applyFill="0" applyBorder="0" applyAlignment="0"/>
    <xf numFmtId="43" fontId="8" fillId="0" borderId="0" applyFont="0" applyFill="0" applyBorder="0" applyAlignment="0" applyProtection="0"/>
    <xf numFmtId="208" fontId="8" fillId="0" borderId="0" applyFont="0" applyFill="0" applyBorder="0" applyAlignment="0" applyProtection="0"/>
    <xf numFmtId="209" fontId="8" fillId="0" borderId="0" applyFont="0" applyFill="0" applyBorder="0" applyAlignment="0" applyProtection="0"/>
    <xf numFmtId="210" fontId="40" fillId="0" borderId="0"/>
    <xf numFmtId="0" fontId="31" fillId="0" borderId="0" applyNumberFormat="0" applyFont="0" applyFill="0" applyBorder="0" applyAlignment="0" applyProtection="0">
      <alignment horizontal="left"/>
    </xf>
    <xf numFmtId="0" fontId="41" fillId="0" borderId="27">
      <alignment horizontal="center"/>
    </xf>
    <xf numFmtId="0" fontId="32" fillId="0" borderId="0"/>
    <xf numFmtId="0" fontId="32" fillId="0" borderId="0"/>
    <xf numFmtId="0" fontId="38" fillId="21" borderId="0" applyNumberFormat="0" applyBorder="0" applyAlignment="0" applyProtection="0">
      <alignment vertical="center"/>
    </xf>
    <xf numFmtId="0" fontId="38" fillId="22" borderId="0" applyNumberFormat="0" applyBorder="0" applyAlignment="0" applyProtection="0">
      <alignment vertical="center"/>
    </xf>
    <xf numFmtId="0" fontId="38" fillId="23" borderId="0" applyNumberFormat="0" applyBorder="0" applyAlignment="0" applyProtection="0">
      <alignment vertical="center"/>
    </xf>
    <xf numFmtId="0" fontId="38" fillId="18" borderId="0" applyNumberFormat="0" applyBorder="0" applyAlignment="0" applyProtection="0">
      <alignment vertical="center"/>
    </xf>
    <xf numFmtId="0" fontId="38" fillId="19" borderId="0" applyNumberFormat="0" applyBorder="0" applyAlignment="0" applyProtection="0">
      <alignment vertical="center"/>
    </xf>
    <xf numFmtId="0" fontId="38" fillId="24" borderId="0" applyNumberFormat="0" applyBorder="0" applyAlignment="0" applyProtection="0">
      <alignment vertical="center"/>
    </xf>
    <xf numFmtId="0" fontId="42" fillId="0" borderId="0" applyNumberFormat="0" applyFill="0" applyBorder="0" applyAlignment="0" applyProtection="0">
      <alignment vertical="center"/>
    </xf>
    <xf numFmtId="0" fontId="43" fillId="25" borderId="28" applyNumberFormat="0" applyAlignment="0" applyProtection="0">
      <alignment vertical="center"/>
    </xf>
    <xf numFmtId="0" fontId="44" fillId="26" borderId="0" applyNumberFormat="0" applyBorder="0" applyAlignment="0" applyProtection="0">
      <alignment vertical="center"/>
    </xf>
    <xf numFmtId="9" fontId="1" fillId="0" borderId="0" applyFont="0" applyFill="0" applyBorder="0" applyAlignment="0" applyProtection="0"/>
    <xf numFmtId="0" fontId="36" fillId="27" borderId="29" applyNumberFormat="0" applyFont="0" applyAlignment="0" applyProtection="0">
      <alignment vertical="center"/>
    </xf>
    <xf numFmtId="0" fontId="45" fillId="0" borderId="30" applyNumberFormat="0" applyFill="0" applyAlignment="0" applyProtection="0">
      <alignment vertical="center"/>
    </xf>
    <xf numFmtId="0" fontId="46" fillId="8" borderId="0" applyNumberFormat="0" applyBorder="0" applyAlignment="0" applyProtection="0">
      <alignment vertical="center"/>
    </xf>
    <xf numFmtId="211" fontId="35" fillId="0" borderId="0" applyFill="0" applyBorder="0" applyAlignment="0" applyProtection="0">
      <alignment vertical="center"/>
    </xf>
    <xf numFmtId="0" fontId="1" fillId="0" borderId="6"/>
    <xf numFmtId="212" fontId="27" fillId="28" borderId="16" applyFont="0" applyFill="0" applyBorder="0" applyAlignment="0" applyProtection="0">
      <protection locked="0"/>
    </xf>
    <xf numFmtId="0" fontId="47" fillId="29" borderId="31" applyNumberFormat="0" applyAlignment="0" applyProtection="0">
      <alignment vertical="center"/>
    </xf>
    <xf numFmtId="0" fontId="48" fillId="0" borderId="0" applyNumberFormat="0" applyFill="0" applyBorder="0" applyAlignment="0" applyProtection="0">
      <alignment vertical="center"/>
    </xf>
    <xf numFmtId="213" fontId="34" fillId="0" borderId="26"/>
    <xf numFmtId="0" fontId="49" fillId="0" borderId="32" applyNumberFormat="0" applyFill="0" applyAlignment="0" applyProtection="0">
      <alignment vertical="center"/>
    </xf>
    <xf numFmtId="0" fontId="50" fillId="0" borderId="33" applyNumberFormat="0" applyFill="0" applyAlignment="0" applyProtection="0">
      <alignment vertical="center"/>
    </xf>
    <xf numFmtId="0" fontId="51" fillId="0" borderId="34" applyNumberFormat="0" applyFill="0" applyAlignment="0" applyProtection="0">
      <alignment vertical="center"/>
    </xf>
    <xf numFmtId="0" fontId="51" fillId="0" borderId="0" applyNumberFormat="0" applyFill="0" applyBorder="0" applyAlignment="0" applyProtection="0">
      <alignment vertical="center"/>
    </xf>
    <xf numFmtId="214" fontId="14" fillId="0" borderId="35">
      <protection locked="0"/>
    </xf>
    <xf numFmtId="214" fontId="14" fillId="0" borderId="35">
      <protection locked="0"/>
    </xf>
    <xf numFmtId="215" fontId="14" fillId="0" borderId="35">
      <protection locked="0"/>
    </xf>
    <xf numFmtId="0" fontId="18" fillId="0" borderId="36">
      <alignment horizontal="center"/>
    </xf>
    <xf numFmtId="0" fontId="52" fillId="0" borderId="37" applyNumberFormat="0" applyFill="0" applyAlignment="0" applyProtection="0">
      <alignment vertical="center"/>
    </xf>
    <xf numFmtId="0" fontId="53" fillId="29" borderId="38" applyNumberFormat="0" applyAlignment="0" applyProtection="0">
      <alignment vertical="center"/>
    </xf>
    <xf numFmtId="42" fontId="35" fillId="0" borderId="0" applyFill="0" applyBorder="0" applyAlignment="0" applyProtection="0">
      <alignment horizontal="center" vertical="center"/>
    </xf>
    <xf numFmtId="178" fontId="54" fillId="4" borderId="8">
      <alignment horizontal="right"/>
    </xf>
    <xf numFmtId="0" fontId="55" fillId="0" borderId="0" applyNumberFormat="0" applyFill="0" applyBorder="0" applyAlignment="0" applyProtection="0">
      <alignment vertical="center"/>
    </xf>
    <xf numFmtId="0" fontId="35" fillId="0" borderId="24"/>
    <xf numFmtId="0" fontId="56" fillId="0" borderId="24" applyFill="0" applyBorder="0" applyProtection="0">
      <alignment horizontal="left" vertical="center"/>
    </xf>
    <xf numFmtId="37" fontId="1" fillId="5" borderId="10"/>
    <xf numFmtId="0" fontId="57" fillId="12" borderId="31" applyNumberFormat="0" applyAlignment="0" applyProtection="0">
      <alignment vertical="center"/>
    </xf>
    <xf numFmtId="0" fontId="1" fillId="0" borderId="0"/>
    <xf numFmtId="0" fontId="1" fillId="0" borderId="0"/>
    <xf numFmtId="0" fontId="35" fillId="0" borderId="0"/>
    <xf numFmtId="216" fontId="39" fillId="0" borderId="0"/>
    <xf numFmtId="0" fontId="58" fillId="9" borderId="0" applyNumberFormat="0" applyBorder="0" applyAlignment="0" applyProtection="0">
      <alignment vertical="center"/>
    </xf>
    <xf numFmtId="176" fontId="1" fillId="0" borderId="0" applyFill="0" applyBorder="0" applyAlignment="0"/>
  </cellStyleXfs>
  <cellXfs count="67">
    <xf numFmtId="0" fontId="0" fillId="0" borderId="0" xfId="0"/>
    <xf numFmtId="0" fontId="2" fillId="0" borderId="15" xfId="92" applyFont="1" applyBorder="1" applyAlignment="1">
      <alignment horizontal="center"/>
    </xf>
    <xf numFmtId="0" fontId="2" fillId="0" borderId="0" xfId="92" applyFont="1"/>
    <xf numFmtId="177" fontId="2" fillId="0" borderId="12" xfId="92" applyNumberFormat="1" applyFont="1" applyBorder="1" applyAlignment="1">
      <alignment horizontal="center"/>
    </xf>
    <xf numFmtId="177" fontId="2" fillId="0" borderId="14" xfId="92" applyNumberFormat="1" applyFont="1" applyBorder="1"/>
    <xf numFmtId="0" fontId="2" fillId="0" borderId="20" xfId="92" applyFont="1" applyBorder="1" applyAlignment="1">
      <alignment shrinkToFit="1"/>
    </xf>
    <xf numFmtId="177" fontId="2" fillId="0" borderId="16" xfId="92" applyNumberFormat="1" applyFont="1" applyBorder="1"/>
    <xf numFmtId="0" fontId="2" fillId="0" borderId="21" xfId="92" applyFont="1" applyBorder="1" applyAlignment="1">
      <alignment shrinkToFit="1"/>
    </xf>
    <xf numFmtId="177" fontId="2" fillId="0" borderId="17" xfId="92" applyNumberFormat="1" applyFont="1" applyBorder="1"/>
    <xf numFmtId="0" fontId="2" fillId="0" borderId="22" xfId="92" applyFont="1" applyBorder="1" applyAlignment="1">
      <alignment shrinkToFit="1"/>
    </xf>
    <xf numFmtId="0" fontId="2" fillId="0" borderId="0" xfId="92" applyFont="1" applyAlignment="1">
      <alignment horizontal="center"/>
    </xf>
    <xf numFmtId="177" fontId="2" fillId="0" borderId="0" xfId="92" applyNumberFormat="1" applyFont="1"/>
    <xf numFmtId="0" fontId="2" fillId="0" borderId="15" xfId="0" applyNumberFormat="1" applyFont="1" applyBorder="1" applyAlignment="1">
      <alignment horizontal="center"/>
    </xf>
    <xf numFmtId="0" fontId="2" fillId="0" borderId="14" xfId="0" applyNumberFormat="1" applyFont="1" applyBorder="1" applyAlignment="1">
      <alignment wrapText="1"/>
    </xf>
    <xf numFmtId="0" fontId="2" fillId="0" borderId="17" xfId="0" applyNumberFormat="1" applyFont="1" applyBorder="1" applyAlignment="1">
      <alignment wrapText="1"/>
    </xf>
    <xf numFmtId="0" fontId="2" fillId="0" borderId="17" xfId="0" applyNumberFormat="1" applyFont="1" applyBorder="1" applyAlignment="1">
      <alignment horizontal="center"/>
    </xf>
    <xf numFmtId="0" fontId="2" fillId="0" borderId="16" xfId="0" applyNumberFormat="1" applyFont="1" applyBorder="1" applyAlignment="1">
      <alignment wrapText="1"/>
    </xf>
    <xf numFmtId="0" fontId="2" fillId="0" borderId="16" xfId="0" applyNumberFormat="1" applyFont="1" applyBorder="1" applyAlignment="1">
      <alignment horizontal="center"/>
    </xf>
    <xf numFmtId="0" fontId="2" fillId="0" borderId="14" xfId="0" applyNumberFormat="1" applyFont="1" applyBorder="1" applyAlignment="1">
      <alignment horizontal="center"/>
    </xf>
    <xf numFmtId="0" fontId="2" fillId="0" borderId="18" xfId="0" applyNumberFormat="1" applyFont="1" applyBorder="1" applyAlignment="1">
      <alignment horizontal="center"/>
    </xf>
    <xf numFmtId="0" fontId="2" fillId="0" borderId="18" xfId="0" applyNumberFormat="1" applyFont="1" applyBorder="1"/>
    <xf numFmtId="0" fontId="2" fillId="0" borderId="14" xfId="0" applyNumberFormat="1" applyFont="1" applyBorder="1"/>
    <xf numFmtId="0" fontId="2" fillId="0" borderId="16" xfId="0" applyNumberFormat="1" applyFont="1" applyBorder="1"/>
    <xf numFmtId="0" fontId="2" fillId="0" borderId="17" xfId="0" applyNumberFormat="1" applyFont="1" applyBorder="1" applyAlignment="1"/>
    <xf numFmtId="0" fontId="3" fillId="0" borderId="14" xfId="92" applyFont="1" applyBorder="1"/>
    <xf numFmtId="0" fontId="2" fillId="0" borderId="12" xfId="92" applyNumberFormat="1" applyFont="1" applyBorder="1" applyAlignment="1">
      <alignment horizontal="center"/>
    </xf>
    <xf numFmtId="0" fontId="2" fillId="0" borderId="14" xfId="92" applyNumberFormat="1" applyFont="1" applyBorder="1"/>
    <xf numFmtId="0" fontId="2" fillId="0" borderId="16" xfId="92" applyNumberFormat="1" applyFont="1" applyBorder="1"/>
    <xf numFmtId="0" fontId="2" fillId="0" borderId="17" xfId="0" applyNumberFormat="1" applyFont="1" applyBorder="1"/>
    <xf numFmtId="0" fontId="2" fillId="0" borderId="0" xfId="92" applyNumberFormat="1" applyFont="1"/>
    <xf numFmtId="0" fontId="26" fillId="0" borderId="20" xfId="92" applyFont="1" applyBorder="1" applyAlignment="1">
      <alignment shrinkToFit="1"/>
    </xf>
    <xf numFmtId="0" fontId="26" fillId="0" borderId="0" xfId="92" applyFont="1"/>
    <xf numFmtId="0" fontId="26" fillId="0" borderId="21" xfId="92" applyFont="1" applyBorder="1" applyAlignment="1">
      <alignment shrinkToFit="1"/>
    </xf>
    <xf numFmtId="0" fontId="26" fillId="0" borderId="22" xfId="92" applyFont="1" applyBorder="1" applyAlignment="1">
      <alignment shrinkToFit="1"/>
    </xf>
    <xf numFmtId="0" fontId="2" fillId="0" borderId="16" xfId="0" applyNumberFormat="1" applyFont="1" applyBorder="1" applyAlignment="1"/>
    <xf numFmtId="0" fontId="2" fillId="0" borderId="11" xfId="92" applyFont="1" applyBorder="1" applyAlignment="1">
      <alignment horizontal="center"/>
    </xf>
    <xf numFmtId="0" fontId="2" fillId="0" borderId="12" xfId="92" applyFont="1" applyBorder="1" applyAlignment="1">
      <alignment horizontal="center"/>
    </xf>
    <xf numFmtId="0" fontId="2" fillId="0" borderId="13" xfId="92" applyFont="1" applyBorder="1" applyAlignment="1">
      <alignment horizontal="center"/>
    </xf>
    <xf numFmtId="0" fontId="2" fillId="0" borderId="14" xfId="92" applyFont="1" applyBorder="1"/>
    <xf numFmtId="0" fontId="2" fillId="0" borderId="15" xfId="92" applyFont="1" applyBorder="1" applyAlignment="1">
      <alignment horizontal="center"/>
    </xf>
    <xf numFmtId="0" fontId="2" fillId="0" borderId="16" xfId="92" applyFont="1" applyBorder="1"/>
    <xf numFmtId="0" fontId="2" fillId="0" borderId="17" xfId="92" applyFont="1" applyBorder="1"/>
    <xf numFmtId="0" fontId="2" fillId="0" borderId="16" xfId="92" applyFont="1" applyBorder="1" applyAlignment="1">
      <alignment horizontal="center"/>
    </xf>
    <xf numFmtId="0" fontId="2" fillId="0" borderId="17" xfId="92" applyFont="1" applyBorder="1" applyAlignment="1">
      <alignment horizontal="center"/>
    </xf>
    <xf numFmtId="0" fontId="2" fillId="0" borderId="14" xfId="92" applyFont="1" applyBorder="1" applyAlignment="1">
      <alignment horizontal="center"/>
    </xf>
    <xf numFmtId="0" fontId="2" fillId="0" borderId="19" xfId="92" applyFont="1" applyBorder="1" applyAlignment="1">
      <alignment horizontal="center"/>
    </xf>
    <xf numFmtId="177" fontId="2" fillId="0" borderId="16" xfId="92" applyNumberFormat="1" applyFont="1" applyBorder="1"/>
    <xf numFmtId="177" fontId="2" fillId="0" borderId="17" xfId="92" applyNumberFormat="1" applyFont="1" applyBorder="1"/>
    <xf numFmtId="177" fontId="2" fillId="0" borderId="18" xfId="92" applyNumberFormat="1" applyFont="1" applyBorder="1"/>
    <xf numFmtId="0" fontId="2" fillId="0" borderId="17" xfId="92" applyNumberFormat="1" applyFont="1" applyBorder="1"/>
    <xf numFmtId="177" fontId="2" fillId="0" borderId="22" xfId="92" applyNumberFormat="1" applyFont="1" applyBorder="1" applyAlignment="1">
      <alignment shrinkToFit="1"/>
    </xf>
    <xf numFmtId="177" fontId="2" fillId="0" borderId="20" xfId="92" applyNumberFormat="1" applyFont="1" applyBorder="1" applyAlignment="1">
      <alignment shrinkToFit="1"/>
    </xf>
    <xf numFmtId="0" fontId="2" fillId="0" borderId="14" xfId="0" applyNumberFormat="1" applyFont="1" applyBorder="1" applyAlignment="1">
      <alignment horizontal="center" wrapText="1"/>
    </xf>
    <xf numFmtId="0" fontId="2" fillId="0" borderId="14" xfId="0" applyNumberFormat="1" applyFont="1" applyBorder="1" applyAlignment="1">
      <alignment shrinkToFit="1"/>
    </xf>
    <xf numFmtId="0" fontId="13" fillId="0" borderId="0" xfId="92" applyFont="1" applyAlignment="1">
      <alignment horizontal="left"/>
    </xf>
    <xf numFmtId="0" fontId="2" fillId="0" borderId="3" xfId="92" applyFont="1" applyBorder="1" applyAlignment="1">
      <alignment horizontal="center"/>
    </xf>
    <xf numFmtId="0" fontId="2" fillId="0" borderId="3" xfId="92" applyNumberFormat="1" applyFont="1" applyBorder="1"/>
    <xf numFmtId="177" fontId="2" fillId="0" borderId="3" xfId="92" applyNumberFormat="1" applyFont="1" applyBorder="1"/>
    <xf numFmtId="0" fontId="26" fillId="0" borderId="40" xfId="92" applyFont="1" applyBorder="1"/>
    <xf numFmtId="0" fontId="2" fillId="0" borderId="18" xfId="0" applyNumberFormat="1" applyFont="1" applyBorder="1" applyAlignment="1">
      <alignment wrapText="1"/>
    </xf>
    <xf numFmtId="177" fontId="2" fillId="0" borderId="23" xfId="92" applyNumberFormat="1" applyFont="1" applyBorder="1" applyAlignment="1">
      <alignment shrinkToFit="1"/>
    </xf>
    <xf numFmtId="0" fontId="2" fillId="0" borderId="16" xfId="0" applyNumberFormat="1" applyFont="1" applyBorder="1" applyAlignment="1">
      <alignment horizontal="center" wrapText="1"/>
    </xf>
    <xf numFmtId="0" fontId="2" fillId="0" borderId="16" xfId="0" applyNumberFormat="1" applyFont="1" applyBorder="1" applyAlignment="1">
      <alignment shrinkToFit="1"/>
    </xf>
    <xf numFmtId="0" fontId="2" fillId="0" borderId="17" xfId="0" applyNumberFormat="1" applyFont="1" applyBorder="1" applyAlignment="1">
      <alignment horizontal="center" wrapText="1"/>
    </xf>
    <xf numFmtId="0" fontId="2" fillId="0" borderId="17" xfId="0" applyNumberFormat="1" applyFont="1" applyBorder="1" applyAlignment="1">
      <alignment shrinkToFit="1"/>
    </xf>
    <xf numFmtId="0" fontId="22" fillId="0" borderId="39" xfId="92" applyFont="1" applyBorder="1" applyAlignment="1">
      <alignment horizontal="left" vertical="center"/>
    </xf>
    <xf numFmtId="0" fontId="22" fillId="0" borderId="3" xfId="92" applyFont="1" applyBorder="1" applyAlignment="1">
      <alignment horizontal="left" vertical="center"/>
    </xf>
  </cellXfs>
  <cellStyles count="168">
    <cellStyle name="æØè [0.00]" xfId="1"/>
    <cellStyle name="ÊÝ [0.00]" xfId="8"/>
    <cellStyle name="121" xfId="98"/>
    <cellStyle name="20% - アクセント 1 2" xfId="99"/>
    <cellStyle name="20% - アクセント 2 2" xfId="100"/>
    <cellStyle name="20% - アクセント 3 2" xfId="101"/>
    <cellStyle name="20% - アクセント 4 2" xfId="102"/>
    <cellStyle name="20% - アクセント 5 2" xfId="103"/>
    <cellStyle name="20% - アクセント 6 2" xfId="104"/>
    <cellStyle name="40% - アクセント 1 2" xfId="105"/>
    <cellStyle name="40% - アクセント 2 2" xfId="106"/>
    <cellStyle name="40% - アクセント 3 2" xfId="107"/>
    <cellStyle name="40% - アクセント 4 2" xfId="108"/>
    <cellStyle name="40% - アクセント 5 2" xfId="109"/>
    <cellStyle name="40% - アクセント 6 2" xfId="110"/>
    <cellStyle name="60% - アクセント 1 2" xfId="111"/>
    <cellStyle name="60% - アクセント 2 2" xfId="112"/>
    <cellStyle name="60% - アクセント 3 2" xfId="113"/>
    <cellStyle name="60% - アクセント 4 2" xfId="114"/>
    <cellStyle name="60% - アクセント 5 2" xfId="115"/>
    <cellStyle name="60% - アクセント 6 2" xfId="116"/>
    <cellStyle name="℃" xfId="2"/>
    <cellStyle name="Calc Currency (0)" xfId="3"/>
    <cellStyle name="Calc Currency (0) 2" xfId="117"/>
    <cellStyle name="Calc Currency (0) 3" xfId="167"/>
    <cellStyle name="CMH" xfId="4"/>
    <cellStyle name="CMH/m2" xfId="5"/>
    <cellStyle name="CMH/人" xfId="6"/>
    <cellStyle name="Comma_Full Year FY96" xfId="118"/>
    <cellStyle name="Currency [0]_Full Year FY96" xfId="119"/>
    <cellStyle name="Currency_Full Year FY96" xfId="120"/>
    <cellStyle name="entry" xfId="7"/>
    <cellStyle name="Grey" xfId="9"/>
    <cellStyle name="Header1" xfId="10"/>
    <cellStyle name="Header2" xfId="11"/>
    <cellStyle name="Input [yellow]" xfId="12"/>
    <cellStyle name="kcal/h" xfId="13"/>
    <cellStyle name="kcal/hm2" xfId="14"/>
    <cellStyle name="kcal/h人" xfId="15"/>
    <cellStyle name="kcal/kg" xfId="16"/>
    <cellStyle name="kg/kg" xfId="17"/>
    <cellStyle name="L/min" xfId="18"/>
    <cellStyle name="L/人" xfId="19"/>
    <cellStyle name="m" xfId="20"/>
    <cellStyle name="m/s" xfId="21"/>
    <cellStyle name="m2" xfId="22"/>
    <cellStyle name="m3" xfId="23"/>
    <cellStyle name="m3/日" xfId="24"/>
    <cellStyle name="Mcal/B:B日" xfId="25"/>
    <cellStyle name="Mcal/h" xfId="26"/>
    <cellStyle name="Mcal/hm2" xfId="27"/>
    <cellStyle name="Normal - Style1" xfId="28"/>
    <cellStyle name="Normal - Style1 2" xfId="121"/>
    <cellStyle name="Normal_#18-Internet" xfId="29"/>
    <cellStyle name="Percent [2]" xfId="30"/>
    <cellStyle name="price" xfId="31"/>
    <cellStyle name="PSChar" xfId="122"/>
    <cellStyle name="PSHeading" xfId="123"/>
    <cellStyle name="revised" xfId="32"/>
    <cellStyle name="sc5" xfId="124"/>
    <cellStyle name="sc7" xfId="125"/>
    <cellStyle name="section" xfId="33"/>
    <cellStyle name="Standard_COST INPUT SHEET" xfId="34"/>
    <cellStyle name="STYL0 - スタイル1" xfId="35"/>
    <cellStyle name="STYL1 - スタイル2" xfId="36"/>
    <cellStyle name="STYL2 - スタイル3" xfId="37"/>
    <cellStyle name="STYL3 - スタイル4" xfId="38"/>
    <cellStyle name="STYL4 - スタイル5" xfId="39"/>
    <cellStyle name="STYL5 - スタイル6" xfId="40"/>
    <cellStyle name="STYL6 - スタイル7" xfId="41"/>
    <cellStyle name="STYL7 - スタイル8" xfId="42"/>
    <cellStyle name="subhead" xfId="43"/>
    <cellStyle name="title" xfId="44"/>
    <cellStyle name="tmp 1" xfId="45"/>
    <cellStyle name="tmp 10" xfId="46"/>
    <cellStyle name="tmp 11" xfId="47"/>
    <cellStyle name="tmp 12" xfId="48"/>
    <cellStyle name="tmp 13" xfId="49"/>
    <cellStyle name="tmp 14" xfId="50"/>
    <cellStyle name="tmp 15" xfId="51"/>
    <cellStyle name="tmp 16" xfId="52"/>
    <cellStyle name="tmp 17" xfId="53"/>
    <cellStyle name="tmp 18" xfId="54"/>
    <cellStyle name="tmp 19" xfId="55"/>
    <cellStyle name="tmp 2" xfId="56"/>
    <cellStyle name="tmp 20" xfId="57"/>
    <cellStyle name="tmp 3" xfId="58"/>
    <cellStyle name="tmp 4" xfId="59"/>
    <cellStyle name="tmp 5" xfId="60"/>
    <cellStyle name="tmp 6" xfId="61"/>
    <cellStyle name="tmp 7" xfId="62"/>
    <cellStyle name="tmp 8" xfId="63"/>
    <cellStyle name="tmp 9" xfId="64"/>
    <cellStyle name="USRT" xfId="65"/>
    <cellStyle name="USRT/m2" xfId="66"/>
    <cellStyle name="VA/m2" xfId="67"/>
    <cellStyle name="w/m2" xfId="68"/>
    <cellStyle name="φ" xfId="69"/>
    <cellStyle name="アクセント 1 2" xfId="126"/>
    <cellStyle name="アクセント 2 2" xfId="127"/>
    <cellStyle name="アクセント 3 2" xfId="128"/>
    <cellStyle name="アクセント 4 2" xfId="129"/>
    <cellStyle name="アクセント 5 2" xfId="130"/>
    <cellStyle name="アクセント 6 2" xfId="131"/>
    <cellStyle name="タイトル 2" xfId="132"/>
    <cellStyle name="チェック セル 2" xfId="133"/>
    <cellStyle name="どちらでもない 2" xfId="134"/>
    <cellStyle name="パーセント 2" xfId="70"/>
    <cellStyle name="パーセント 2 2" xfId="135"/>
    <cellStyle name="ﾌｫﾝﾄ変更" xfId="71"/>
    <cellStyle name="メモ 2" xfId="136"/>
    <cellStyle name="リンク セル 2" xfId="137"/>
    <cellStyle name="悪い 2" xfId="138"/>
    <cellStyle name="下段_0" xfId="139"/>
    <cellStyle name="下点線" xfId="72"/>
    <cellStyle name="下点線 2" xfId="140"/>
    <cellStyle name="会社名" xfId="73"/>
    <cellStyle name="回/h" xfId="74"/>
    <cellStyle name="金額" xfId="141"/>
    <cellStyle name="計算 2" xfId="142"/>
    <cellStyle name="警告文 2" xfId="143"/>
    <cellStyle name="桁区切り [0.0]" xfId="144"/>
    <cellStyle name="桁区切り [0.000]" xfId="75"/>
    <cellStyle name="桁区切り 2" xfId="76"/>
    <cellStyle name="桁区切り 2 2" xfId="97"/>
    <cellStyle name="桁区切り 3" xfId="77"/>
    <cellStyle name="桁区切り（０なし）" xfId="78"/>
    <cellStyle name="桁区切り0" xfId="79"/>
    <cellStyle name="桁区切り1" xfId="80"/>
    <cellStyle name="桁区切り2" xfId="81"/>
    <cellStyle name="見出し" xfId="82"/>
    <cellStyle name="見出し 1 2" xfId="145"/>
    <cellStyle name="見出し 2 2" xfId="146"/>
    <cellStyle name="見出し 3 2" xfId="147"/>
    <cellStyle name="見出し 4 2" xfId="148"/>
    <cellStyle name="見積桁区切り" xfId="149"/>
    <cellStyle name="見積-桁区切り" xfId="150"/>
    <cellStyle name="見積-通貨記号" xfId="151"/>
    <cellStyle name="工期算定表" xfId="152"/>
    <cellStyle name="集計 2" xfId="153"/>
    <cellStyle name="出力 2" xfId="154"/>
    <cellStyle name="上段_0" xfId="155"/>
    <cellStyle name="人/m2" xfId="83"/>
    <cellStyle name="数量" xfId="84"/>
    <cellStyle name="数量 2" xfId="156"/>
    <cellStyle name="数量計算" xfId="85"/>
    <cellStyle name="説明文 2" xfId="157"/>
    <cellStyle name="線細い" xfId="158"/>
    <cellStyle name="代価登録" xfId="86"/>
    <cellStyle name="帳票" xfId="159"/>
    <cellStyle name="土木内訳" xfId="87"/>
    <cellStyle name="内訳書" xfId="88"/>
    <cellStyle name="内訳書 2" xfId="160"/>
    <cellStyle name="入力 2" xfId="161"/>
    <cellStyle name="年号" xfId="89"/>
    <cellStyle name="比較表" xfId="90"/>
    <cellStyle name="標準" xfId="0" builtinId="0"/>
    <cellStyle name="標準 10" xfId="162"/>
    <cellStyle name="標準 2" xfId="91"/>
    <cellStyle name="標準 2 2" xfId="163"/>
    <cellStyle name="標準 2_西笹川中武道場機械内訳書" xfId="164"/>
    <cellStyle name="標準_用紙" xfId="92"/>
    <cellStyle name="標準２" xfId="93"/>
    <cellStyle name="標準A" xfId="94"/>
    <cellStyle name="標準Ａ" xfId="165"/>
    <cellStyle name="表紙" xfId="95"/>
    <cellStyle name="未定義" xfId="96"/>
    <cellStyle name="良い 2" xfId="166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FFCC"/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9" Type="http://schemas.openxmlformats.org/officeDocument/2006/relationships/externalLink" Target="externalLinks/externalLink38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63" Type="http://schemas.openxmlformats.org/officeDocument/2006/relationships/externalLink" Target="externalLinks/externalLink6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externalLink" Target="externalLinks/externalLink28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61" Type="http://schemas.openxmlformats.org/officeDocument/2006/relationships/externalLink" Target="externalLinks/externalLink60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theme" Target="theme/theme1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Users\i96015\AppData\Local\Temp\notes6030C8\&#37329;&#20837;&#35373;&#35336;&#26360;&#65288;&#20195;&#20385;&#34920;&#12469;&#12531;&#12503;&#12523;&#6528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5\F\&#26397;&#26085;&#23567;&#25552;&#20986;&#29992;\&#26397;&#26085;&#23567;&#23398;&#26657;&#20870;&#24418;&#26657;&#33294;&#23567;&#35215;&#27169;&#25913;&#20462;&#24037;&#20107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Documents%20and%20Settings\noro\&#12487;&#12473;&#12463;&#12488;&#12483;&#12503;\&#22269;&#20816;&#23398;&#22290;\&#19977;&#37325;&#30475;&#35703;&#27010;&#31639;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Works\&#23470;&#30000;&#35373;&#35336;\&#21271;&#21218;&#24066;&#22580;\&#65396;&#65400;&#65406;&#65433;&#65411;&#65438;&#65392;&#65408;\2002\15-%20&#22235;&#21830;%20&#21463;&#22793;&#38651;&#25913;&#20462;\&#35373;&#35336;&#35336;&#31639;&#26360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8651;&#27671;\&#27491;&#22492;\&#20843;&#25144;&#12494;&#37324;\&#65288;&#20206;&#31216;&#65289;&#26481;&#22823;&#38442;&#24066;&#20843;&#25144;&#12398;&#37324;&#39365;&#34892;&#25919;&#12469;&#12540;&#12499;&#12473;&#12467;&#12540;&#12490;&#12540;&#35373;&#32622;&#38651;&#27671;&#35373;&#20633;&#24037;&#20107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My%20Documents\&#22793;&#26356;&#32076;&#36027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&#23567;&#26494;&#24066;\&#25552;&#20986;&#29992;\&#21335;&#37096;&#65328;&#65331;\&#21069;&#24029;&#24037;&#20107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DOCUME~1\Yoshimi\LOCALS~1\Temp\notesBAAA25\My%20Documents\&#22793;&#26356;&#32076;&#36027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Documents%20and%20Settings\Administrator\Local%20Settings\Temporary%20Internet%20Files\Content.IE5\BMT9W3Z5\My%20Documents\&#22793;&#26356;&#32076;&#36027;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WINDOWS\&#65411;&#65438;&#65405;&#65400;&#65412;&#65391;&#65420;&#65439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5\F\WINDOWS\&#65411;&#65438;&#65405;&#65400;&#65412;&#65391;&#65420;&#65439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EXCEL_DAT\&#20869;&#35379;&#35336;&#31639;&#26360;\&#21336;&#20385;&#34920;&#12289;&#25490;&#27700;&#26717;&#20195;&#20385;&#34920;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65328;&#65347;&#65300;\&#12487;&#12540;&#12479;\&#23567;&#26494;&#24066;\&#25552;&#20986;&#29992;\&#21335;&#37096;&#65328;&#65331;\&#21335;&#37096;&#35373;&#35336;&#26360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373;&#20633;&#37096;\EM1_team\75199&#33021;&#21218;&#22793;&#38651;&#25152;\&#35373;&#35336;&#26360;&#27231;&#26800;&#35373;&#20633;\&#21336;&#20385;&#20869;&#35379;&#65288;&#26032;&#21336;&#20385;&#33021;&#21218;&#65289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65328;&#65347;&#65300;\&#12487;&#12540;&#12479;\&#23567;&#26494;&#24066;\&#25552;&#20986;&#29992;\&#21335;&#37096;&#65328;&#65331;\&#21069;&#24029;&#24037;&#20107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ewjec\dfs\Documents%20and%20Settings\furukawaky\Local%20Settings\Temporary%20Internet%20Files\Content.IE5\GBNNT6L2\Documents%20and%20Settings\dc5000\My%20Documents\&#12456;&#12463;&#12475;&#12523;&#12539;&#12527;&#12540;&#12489;\&#20351;&#29992;&#20998;\&#12469;&#12531;&#12522;&#12496;&#12540;&#22823;&#27497;&#21361;\&#26519;&#35373;&#35336;\windows\&#65411;&#65438;&#65405;&#65400;&#65412;&#65391;&#65420;&#65439;\&#36814;&#36051;&#38651;&#27671;\&#38651;&#30436;&#27497;&#25499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ewjec\dfs\Documents%20and%20Settings\furukawaky\Local%20Settings\Temporary%20Internet%20Files\Content.IE5\GBNNT6L2\Documents%20and%20Settings\dc5000\My%20Documents\&#12456;&#12463;&#12475;&#12523;&#12539;&#12527;&#12540;&#12489;\&#36942;&#21435;&#20998;\&#23433;&#23041;&#24029;&#24038;&#23736;&#12509;&#12531;&#12503;&#22580;\&#25968;&#37327;&#35519;&#26360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EXCEL\&#36814;&#36051;&#38651;&#27671;\&#21205;&#30436;&#27497;&#25499;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&#22823;&#30690;&#30693;&#23567;&#38306;&#20418;\My%20Documents\&#22793;&#26356;&#32076;&#36027;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&#65320;&#65297;&#65296;&#12288;&#12466;&#12540;&#12488;&#35373;&#20633;&#35373;&#35336;&#26360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&#65320;&#65305;&#26360;&#39006;\&#31309;&#31639;\&#39321;&#20303;&#21271;&#29305;&#20462;&#31309;&#3163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&#19979;&#27700;&#26045;&#35373;&#35506;\&#19979;&#27700;&#26045;&#35373;&#35506;\&#26441;&#23665;\&#65298;&#65300;&#24180;&#24230;\&#21512;&#27969;&#25913;&#21892;&#28382;&#27700;&#27744;&#38651;&#27671;&#35373;&#20633;&#24037;&#20107;\&#35373;&#35336;&#26360;\&#21512;&#27969;&#25913;&#21892;&#38651;&#27671;&#35373;&#35336;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&#27231;&#26800;&#35373;&#20633;&#21336;&#20385;&#34920;\H22&#27231;&#26800;&#21336;&#20385;\C&#34907;&#29983;&#22120;&#20855;&#35373;&#20633;2010&#23436;&#25104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6045;&#24037;&#35211;&#31309;\&#12484;&#12472;&#12516;&#21830;&#20250;\&#20018;&#26412;&#30149;&#38498;&#25913;&#20462;&#31354;&#35519;&#34907;&#29983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ichikawa\20&#24037;&#20107;\20&#24029;&#23798;&#23567;&#23398;&#26657;\&#38651;&#27671;&#35373;&#20633;\2006\2006-2%20&#24029;&#23798;&#26085;&#27704;&#23567;&#23398;&#26657;&#32102;&#39135;&#23460;&#25913;&#20462;\10&#22823;&#23665;&#30000;&#22320;&#21306;&#65406;&#65437;&#65408;&#65392;&#21463;&#38651;&#25913;&#20462;\My%20Documents\&#22793;&#26356;&#32076;&#36027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ichikawa\20&#24037;&#20107;\20&#24029;&#23798;&#23567;&#23398;&#26657;\&#38651;&#27671;&#35373;&#20633;\2006\2006-2%20&#24029;&#23798;&#26085;&#27704;&#23567;&#23398;&#26657;&#32102;&#39135;&#23460;&#25913;&#20462;\&#65396;&#65400;&#65406;&#65433;&#65411;&#65438;&#65392;&#65408;\2002\15-%20&#22235;&#21830;%20&#21463;&#22793;&#38651;&#25913;&#20462;\&#35373;&#35336;&#35336;&#31639;&#26360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41">
          <cell r="A41" t="str">
            <v>直接仮設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幹線計算-1"/>
      <sheetName val="変圧器"/>
      <sheetName val="換気計算1"/>
      <sheetName val="換気計算2"/>
    </sheetNames>
    <sheetDataSet>
      <sheetData sheetId="0"/>
      <sheetData sheetId="1"/>
      <sheetData sheetId="2"/>
      <sheetData sheetId="3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  <sheetName val="工事価格"/>
      <sheetName val="表紙"/>
      <sheetName val="諸経費"/>
      <sheetName val="借地仮設費"/>
      <sheetName val="Sheet2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43">
          <cell r="H43">
            <v>376116</v>
          </cell>
        </row>
      </sheetData>
      <sheetData sheetId="2">
        <row r="147">
          <cell r="F147">
            <v>7761</v>
          </cell>
        </row>
      </sheetData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標準労新"/>
      <sheetName val="標準設新"/>
      <sheetName val="基準搬新"/>
      <sheetName val="給排水"/>
      <sheetName val="空調"/>
      <sheetName val="自動"/>
      <sheetName val="保温SP"/>
      <sheetName val="保温空調"/>
      <sheetName val="衛生"/>
      <sheetName val="ｷｬﾝﾊﾞｽ継"/>
      <sheetName val="ﾁｬﾝﾊﾞ"/>
      <sheetName val="基礎衛生"/>
      <sheetName val="基礎空調"/>
      <sheetName val="基礎自動"/>
      <sheetName val="中荷雑排雨"/>
      <sheetName val="中荷重汚水"/>
      <sheetName val="原本"/>
      <sheetName val="Functio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 refreshError="1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</sheetNames>
    <sheetDataSet>
      <sheetData sheetId="0" refreshError="1"/>
      <sheetData sheetId="1" refreshError="1"/>
      <sheetData sheetId="2" refreshError="1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電灯分電盤歩掛表"/>
      <sheetName val="電灯分電盤歩掛表 (撤去)"/>
      <sheetName val="人工修正表"/>
    </sheetNames>
    <sheetDataSet>
      <sheetData sheetId="0"/>
      <sheetData sheetId="1"/>
      <sheetData sheetId="2" refreshError="1">
        <row r="6">
          <cell r="B6">
            <v>2.99</v>
          </cell>
          <cell r="C6">
            <v>3</v>
          </cell>
        </row>
        <row r="7">
          <cell r="B7">
            <v>3.99</v>
          </cell>
          <cell r="C7">
            <v>4</v>
          </cell>
        </row>
        <row r="8">
          <cell r="B8">
            <v>4.99</v>
          </cell>
          <cell r="C8">
            <v>5</v>
          </cell>
        </row>
        <row r="9">
          <cell r="B9">
            <v>5.99</v>
          </cell>
          <cell r="C9">
            <v>6</v>
          </cell>
        </row>
        <row r="10">
          <cell r="B10">
            <v>6.99</v>
          </cell>
          <cell r="C10">
            <v>7</v>
          </cell>
        </row>
        <row r="11">
          <cell r="B11">
            <v>8.49</v>
          </cell>
          <cell r="C11">
            <v>8</v>
          </cell>
        </row>
        <row r="12">
          <cell r="B12">
            <v>9.99</v>
          </cell>
          <cell r="C12">
            <v>10</v>
          </cell>
        </row>
        <row r="13">
          <cell r="B13">
            <v>12.99</v>
          </cell>
          <cell r="C13">
            <v>11</v>
          </cell>
        </row>
        <row r="14">
          <cell r="B14">
            <v>15.99</v>
          </cell>
          <cell r="C14">
            <v>12</v>
          </cell>
        </row>
        <row r="15">
          <cell r="B15">
            <v>18.989999999999998</v>
          </cell>
          <cell r="C15">
            <v>15</v>
          </cell>
        </row>
        <row r="16">
          <cell r="B16">
            <v>21.99</v>
          </cell>
          <cell r="C16">
            <v>18</v>
          </cell>
        </row>
        <row r="17">
          <cell r="B17">
            <v>25.99</v>
          </cell>
          <cell r="C17">
            <v>21</v>
          </cell>
        </row>
        <row r="18">
          <cell r="B18">
            <v>29.99</v>
          </cell>
          <cell r="C18">
            <v>24</v>
          </cell>
        </row>
        <row r="19">
          <cell r="B19">
            <v>34.99</v>
          </cell>
          <cell r="C19">
            <v>28</v>
          </cell>
        </row>
        <row r="20">
          <cell r="B20">
            <v>40.99</v>
          </cell>
          <cell r="C20">
            <v>33</v>
          </cell>
        </row>
        <row r="21">
          <cell r="B21">
            <v>48</v>
          </cell>
          <cell r="C21">
            <v>33</v>
          </cell>
        </row>
        <row r="22">
          <cell r="B22">
            <v>48</v>
          </cell>
          <cell r="C22">
            <v>33</v>
          </cell>
        </row>
      </sheetData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機器搬入"/>
      <sheetName val="基礎"/>
      <sheetName val="配管"/>
      <sheetName val="配管 (2)"/>
      <sheetName val="SS集計 "/>
      <sheetName val="円形風道"/>
      <sheetName val="付属品"/>
      <sheetName val="SSﾁｬﾝﾊﾞｰ"/>
      <sheetName val="SSﾀﾞｸﾄ"/>
      <sheetName val="総合調整費"/>
      <sheetName val="衛生器具設備"/>
      <sheetName val="給具"/>
      <sheetName val="排水金物他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代価一般"/>
      <sheetName val="配管代価"/>
      <sheetName val="電気代価"/>
      <sheetName val="機器代価"/>
      <sheetName val="枡類"/>
      <sheetName val="代価土工"/>
      <sheetName val="見積比較"/>
    </sheetNames>
    <sheetDataSet>
      <sheetData sheetId="0" refreshError="1">
        <row r="10">
          <cell r="B10" t="str">
            <v>小便器</v>
          </cell>
          <cell r="C10" t="str">
            <v>UFS610CE</v>
          </cell>
        </row>
        <row r="12">
          <cell r="B12" t="str">
            <v>洗面器</v>
          </cell>
          <cell r="C12" t="str">
            <v>L331RA</v>
          </cell>
        </row>
        <row r="14">
          <cell r="B14" t="str">
            <v>掃除流し</v>
          </cell>
          <cell r="C14" t="str">
            <v>SK22A</v>
          </cell>
        </row>
        <row r="16">
          <cell r="B16" t="str">
            <v>化粧鏡</v>
          </cell>
          <cell r="C16" t="str">
            <v>TS119ASR5</v>
          </cell>
        </row>
        <row r="18">
          <cell r="B18" t="str">
            <v>混合水栓</v>
          </cell>
          <cell r="C18" t="str">
            <v>TKJ31UFX</v>
          </cell>
        </row>
        <row r="19">
          <cell r="B19" t="str">
            <v>和風大便器用</v>
          </cell>
        </row>
        <row r="20">
          <cell r="B20" t="str">
            <v>耐火カバー</v>
          </cell>
          <cell r="C20" t="str">
            <v>HGS755VC</v>
          </cell>
        </row>
        <row r="23">
          <cell r="C23" t="str">
            <v>JIS5K</v>
          </cell>
        </row>
        <row r="24">
          <cell r="B24" t="str">
            <v>仕切弁</v>
          </cell>
          <cell r="C24" t="str">
            <v>40A</v>
          </cell>
        </row>
        <row r="25">
          <cell r="C25" t="str">
            <v>JIS5K</v>
          </cell>
        </row>
        <row r="26">
          <cell r="B26" t="str">
            <v>仕切弁</v>
          </cell>
          <cell r="C26" t="str">
            <v>20A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 refreshError="1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</sheetNames>
    <sheetDataSet>
      <sheetData sheetId="0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最低制限価格算出"/>
      <sheetName val="入力表"/>
      <sheetName val="設計書"/>
      <sheetName val="内訳書"/>
      <sheetName val="明細書(1)"/>
      <sheetName val="明細書 (2)"/>
      <sheetName val="刊行物比較表"/>
      <sheetName val="刊行物比較表 (2)"/>
      <sheetName val="経費計算書"/>
      <sheetName val="見積"/>
      <sheetName val="明電舎"/>
      <sheetName val="見積査定基準"/>
      <sheetName val="施工条件明示一覧表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">
          <cell r="A2" t="str">
            <v>工事名</v>
          </cell>
          <cell r="B2" t="str">
            <v>合流改善用滞水池 電気設備工事</v>
          </cell>
        </row>
        <row r="4">
          <cell r="A4" t="str">
            <v>経費計算書（電気設備）</v>
          </cell>
          <cell r="F4" t="str">
            <v>金　　額</v>
          </cell>
          <cell r="M4" t="str">
            <v>電気設備（2011/05/31版）</v>
          </cell>
        </row>
        <row r="5">
          <cell r="A5" t="str">
            <v>費目、工種</v>
          </cell>
          <cell r="B5" t="str">
            <v>種　　別</v>
          </cell>
          <cell r="C5" t="str">
            <v>細　　別</v>
          </cell>
          <cell r="D5" t="str">
            <v>単　位</v>
          </cell>
          <cell r="E5" t="str">
            <v>数　量</v>
          </cell>
          <cell r="F5" t="str">
            <v>全体分</v>
          </cell>
          <cell r="G5" t="str">
            <v>補助</v>
          </cell>
          <cell r="H5" t="str">
            <v>単費</v>
          </cell>
          <cell r="L5" t="str">
            <v>備　　　　考</v>
          </cell>
        </row>
        <row r="6">
          <cell r="A6" t="str">
            <v>本工事費</v>
          </cell>
        </row>
        <row r="8">
          <cell r="A8" t="str">
            <v>機器費</v>
          </cell>
          <cell r="D8" t="str">
            <v>式</v>
          </cell>
          <cell r="E8">
            <v>1</v>
          </cell>
          <cell r="F8">
            <v>73518000</v>
          </cell>
          <cell r="G8">
            <v>73518000</v>
          </cell>
          <cell r="H8">
            <v>0</v>
          </cell>
        </row>
        <row r="9">
          <cell r="A9" t="str">
            <v>機器費小計</v>
          </cell>
          <cell r="F9">
            <v>73518000</v>
          </cell>
          <cell r="G9">
            <v>73518000</v>
          </cell>
          <cell r="H9">
            <v>0</v>
          </cell>
        </row>
        <row r="10">
          <cell r="A10" t="str">
            <v>直接工事費</v>
          </cell>
          <cell r="B10" t="str">
            <v>輸送費</v>
          </cell>
          <cell r="D10" t="str">
            <v>式</v>
          </cell>
          <cell r="E10">
            <v>1</v>
          </cell>
          <cell r="F10">
            <v>56000</v>
          </cell>
          <cell r="G10">
            <v>56000</v>
          </cell>
          <cell r="H10">
            <v>0</v>
          </cell>
        </row>
        <row r="11">
          <cell r="C11" t="str">
            <v>輸送費小計</v>
          </cell>
          <cell r="F11">
            <v>56000</v>
          </cell>
          <cell r="G11">
            <v>56000</v>
          </cell>
          <cell r="H11">
            <v>0</v>
          </cell>
        </row>
        <row r="12">
          <cell r="B12" t="str">
            <v>材料費</v>
          </cell>
          <cell r="C12" t="str">
            <v>直接材料費</v>
          </cell>
          <cell r="D12" t="str">
            <v>式</v>
          </cell>
          <cell r="E12">
            <v>1</v>
          </cell>
          <cell r="F12">
            <v>1999275.4249999998</v>
          </cell>
          <cell r="G12">
            <v>1999275.4249999998</v>
          </cell>
          <cell r="H12">
            <v>0</v>
          </cell>
        </row>
        <row r="13">
          <cell r="C13" t="str">
            <v>補助材料費</v>
          </cell>
          <cell r="D13" t="str">
            <v>式</v>
          </cell>
          <cell r="E13">
            <v>1</v>
          </cell>
          <cell r="F13">
            <v>79971</v>
          </cell>
          <cell r="G13">
            <v>79971</v>
          </cell>
          <cell r="H13">
            <v>0</v>
          </cell>
          <cell r="I13">
            <v>0.04</v>
          </cell>
        </row>
        <row r="14">
          <cell r="C14" t="str">
            <v>材料費小計</v>
          </cell>
          <cell r="F14">
            <v>2079246.4249999998</v>
          </cell>
          <cell r="G14">
            <v>2079246.4249999998</v>
          </cell>
          <cell r="H14">
            <v>0</v>
          </cell>
        </row>
        <row r="15">
          <cell r="B15" t="str">
            <v>労務費</v>
          </cell>
          <cell r="C15" t="str">
            <v>一般労務費</v>
          </cell>
          <cell r="D15" t="str">
            <v>式</v>
          </cell>
          <cell r="E15">
            <v>1</v>
          </cell>
          <cell r="F15">
            <v>2996800</v>
          </cell>
          <cell r="G15">
            <v>2996800</v>
          </cell>
          <cell r="H15">
            <v>0</v>
          </cell>
        </row>
        <row r="16">
          <cell r="C16" t="str">
            <v>技術労務費</v>
          </cell>
          <cell r="D16" t="str">
            <v>式</v>
          </cell>
          <cell r="E16">
            <v>1</v>
          </cell>
          <cell r="F16">
            <v>536000</v>
          </cell>
          <cell r="G16">
            <v>536000</v>
          </cell>
          <cell r="H16">
            <v>0</v>
          </cell>
        </row>
        <row r="17">
          <cell r="C17" t="str">
            <v>労務費小計</v>
          </cell>
          <cell r="F17">
            <v>3532800</v>
          </cell>
          <cell r="G17">
            <v>3532800</v>
          </cell>
          <cell r="H17">
            <v>0</v>
          </cell>
        </row>
        <row r="18">
          <cell r="B18" t="str">
            <v>複合工費</v>
          </cell>
          <cell r="D18" t="str">
            <v>式</v>
          </cell>
          <cell r="E18">
            <v>1</v>
          </cell>
          <cell r="F18">
            <v>853467</v>
          </cell>
          <cell r="G18">
            <v>853467</v>
          </cell>
          <cell r="H18">
            <v>0</v>
          </cell>
        </row>
        <row r="19">
          <cell r="C19" t="str">
            <v>複合工費小計</v>
          </cell>
          <cell r="F19">
            <v>853467</v>
          </cell>
          <cell r="G19">
            <v>853467</v>
          </cell>
          <cell r="H19">
            <v>0</v>
          </cell>
        </row>
        <row r="20">
          <cell r="B20" t="str">
            <v>直接経費</v>
          </cell>
          <cell r="C20" t="str">
            <v>特許使用料</v>
          </cell>
          <cell r="D20" t="str">
            <v>式</v>
          </cell>
          <cell r="E20">
            <v>1</v>
          </cell>
          <cell r="F20">
            <v>0</v>
          </cell>
          <cell r="G20">
            <v>0</v>
          </cell>
          <cell r="H20">
            <v>0</v>
          </cell>
          <cell r="J20" t="str">
            <v>機械経費積上分</v>
          </cell>
          <cell r="L20" t="str">
            <v>機械経費率対象労務費</v>
          </cell>
        </row>
        <row r="21">
          <cell r="C21" t="str">
            <v>水道光熱電力料</v>
          </cell>
          <cell r="D21" t="str">
            <v>式</v>
          </cell>
          <cell r="E21">
            <v>1</v>
          </cell>
          <cell r="F21">
            <v>0</v>
          </cell>
          <cell r="G21">
            <v>0</v>
          </cell>
          <cell r="H21">
            <v>0</v>
          </cell>
          <cell r="J21" t="str">
            <v>補助分</v>
          </cell>
          <cell r="K21" t="str">
            <v>単独費分</v>
          </cell>
          <cell r="L21" t="str">
            <v>補助分</v>
          </cell>
          <cell r="M21" t="str">
            <v>単独費分</v>
          </cell>
        </row>
        <row r="22">
          <cell r="C22" t="str">
            <v>機械経費</v>
          </cell>
          <cell r="D22" t="str">
            <v>式</v>
          </cell>
          <cell r="E22">
            <v>1</v>
          </cell>
          <cell r="F22">
            <v>31308</v>
          </cell>
          <cell r="G22">
            <v>31308</v>
          </cell>
          <cell r="H22">
            <v>0</v>
          </cell>
          <cell r="I22">
            <v>0.01</v>
          </cell>
          <cell r="J22">
            <v>0</v>
          </cell>
          <cell r="K22">
            <v>0</v>
          </cell>
          <cell r="L22">
            <v>3130800</v>
          </cell>
          <cell r="M22">
            <v>0</v>
          </cell>
        </row>
        <row r="23">
          <cell r="C23" t="str">
            <v>試運転費</v>
          </cell>
          <cell r="D23" t="str">
            <v>式</v>
          </cell>
          <cell r="E23">
            <v>1</v>
          </cell>
          <cell r="F23">
            <v>107250</v>
          </cell>
          <cell r="G23">
            <v>107250</v>
          </cell>
          <cell r="H23">
            <v>0</v>
          </cell>
        </row>
        <row r="24">
          <cell r="C24" t="str">
            <v>特別経費</v>
          </cell>
          <cell r="D24" t="str">
            <v>式</v>
          </cell>
          <cell r="E24">
            <v>1</v>
          </cell>
          <cell r="F24">
            <v>0</v>
          </cell>
          <cell r="G24">
            <v>0</v>
          </cell>
          <cell r="H24">
            <v>0</v>
          </cell>
          <cell r="J24" t="str">
            <v>仮設費積上げ分</v>
          </cell>
          <cell r="L24" t="str">
            <v>仮設費対象金額
（直接工事費-試運転費-仮設費）</v>
          </cell>
        </row>
        <row r="25">
          <cell r="C25" t="str">
            <v>直接経費小計</v>
          </cell>
          <cell r="F25">
            <v>138558</v>
          </cell>
          <cell r="G25">
            <v>138558</v>
          </cell>
          <cell r="H25">
            <v>0</v>
          </cell>
          <cell r="J25" t="str">
            <v>補助分</v>
          </cell>
          <cell r="K25" t="str">
            <v>単独費分</v>
          </cell>
          <cell r="L25" t="str">
            <v>全体</v>
          </cell>
          <cell r="M25" t="str">
            <v>補助分</v>
          </cell>
        </row>
        <row r="26">
          <cell r="B26" t="str">
            <v>仮設費</v>
          </cell>
          <cell r="F26">
            <v>543884</v>
          </cell>
          <cell r="G26">
            <v>543884</v>
          </cell>
          <cell r="H26">
            <v>0</v>
          </cell>
          <cell r="I26">
            <v>8.3000000000000004E-2</v>
          </cell>
          <cell r="J26">
            <v>0</v>
          </cell>
          <cell r="K26">
            <v>0</v>
          </cell>
          <cell r="L26">
            <v>6552821.4249999998</v>
          </cell>
          <cell r="M26">
            <v>6552821.4249999998</v>
          </cell>
        </row>
        <row r="27">
          <cell r="A27" t="str">
            <v>直接工事費計</v>
          </cell>
          <cell r="F27">
            <v>7203955.4249999998</v>
          </cell>
          <cell r="G27">
            <v>7203955.4249999998</v>
          </cell>
          <cell r="H27">
            <v>0</v>
          </cell>
          <cell r="L27" t="str">
            <v>共通仮設費対象金額
（直接工事費+事業損失防止施設費）</v>
          </cell>
        </row>
        <row r="28">
          <cell r="L28" t="str">
            <v>全体</v>
          </cell>
          <cell r="M28" t="str">
            <v>補助分</v>
          </cell>
        </row>
        <row r="29">
          <cell r="A29" t="str">
            <v>間接工事費</v>
          </cell>
          <cell r="B29" t="str">
            <v>共通仮設費率分</v>
          </cell>
          <cell r="F29">
            <v>1955873</v>
          </cell>
          <cell r="G29">
            <v>1955873</v>
          </cell>
          <cell r="H29">
            <v>0</v>
          </cell>
          <cell r="I29">
            <v>0.27149999999999996</v>
          </cell>
          <cell r="L29">
            <v>7203955.4249999998</v>
          </cell>
          <cell r="M29">
            <v>7203955.4249999998</v>
          </cell>
        </row>
        <row r="30">
          <cell r="B30" t="str">
            <v>共通仮設費
積上げ分</v>
          </cell>
          <cell r="C30" t="str">
            <v>運搬費</v>
          </cell>
          <cell r="D30" t="str">
            <v>式</v>
          </cell>
          <cell r="E30">
            <v>1</v>
          </cell>
          <cell r="F30">
            <v>0</v>
          </cell>
          <cell r="G30">
            <v>0</v>
          </cell>
          <cell r="H30">
            <v>0</v>
          </cell>
        </row>
        <row r="31">
          <cell r="C31" t="str">
            <v>準備費</v>
          </cell>
          <cell r="D31" t="str">
            <v>式</v>
          </cell>
          <cell r="E31">
            <v>1</v>
          </cell>
          <cell r="F31">
            <v>0</v>
          </cell>
          <cell r="G31">
            <v>0</v>
          </cell>
          <cell r="H31">
            <v>0</v>
          </cell>
        </row>
        <row r="32">
          <cell r="C32" t="str">
            <v>事業損失防止施設費</v>
          </cell>
          <cell r="D32" t="str">
            <v>式</v>
          </cell>
          <cell r="E32">
            <v>1</v>
          </cell>
          <cell r="F32">
            <v>0</v>
          </cell>
          <cell r="G32">
            <v>0</v>
          </cell>
          <cell r="H32">
            <v>0</v>
          </cell>
        </row>
        <row r="33">
          <cell r="C33" t="str">
            <v>安全費</v>
          </cell>
          <cell r="D33" t="str">
            <v>式</v>
          </cell>
          <cell r="E33">
            <v>1</v>
          </cell>
          <cell r="F33">
            <v>0</v>
          </cell>
          <cell r="G33">
            <v>0</v>
          </cell>
          <cell r="H33">
            <v>0</v>
          </cell>
        </row>
        <row r="34">
          <cell r="C34" t="str">
            <v>役務費</v>
          </cell>
          <cell r="D34" t="str">
            <v>式</v>
          </cell>
          <cell r="E34">
            <v>1</v>
          </cell>
          <cell r="F34">
            <v>0</v>
          </cell>
          <cell r="G34">
            <v>0</v>
          </cell>
          <cell r="H34">
            <v>0</v>
          </cell>
        </row>
        <row r="35">
          <cell r="C35" t="str">
            <v>技術管理費</v>
          </cell>
          <cell r="D35" t="str">
            <v>式</v>
          </cell>
          <cell r="E35">
            <v>1</v>
          </cell>
          <cell r="F35">
            <v>0</v>
          </cell>
          <cell r="G35">
            <v>0</v>
          </cell>
          <cell r="H35">
            <v>0</v>
          </cell>
        </row>
        <row r="36">
          <cell r="C36" t="str">
            <v>営繕費</v>
          </cell>
          <cell r="D36" t="str">
            <v>式</v>
          </cell>
          <cell r="E36">
            <v>1</v>
          </cell>
          <cell r="F36">
            <v>0</v>
          </cell>
          <cell r="G36">
            <v>0</v>
          </cell>
          <cell r="H36">
            <v>0</v>
          </cell>
        </row>
        <row r="37">
          <cell r="B37" t="str">
            <v>共通仮設費計</v>
          </cell>
          <cell r="F37">
            <v>1955873</v>
          </cell>
          <cell r="G37">
            <v>1955873</v>
          </cell>
          <cell r="H37">
            <v>0</v>
          </cell>
        </row>
        <row r="38">
          <cell r="L38" t="str">
            <v>現場管理費対象金額
（純工事費＝直接工事費＋共通仮設費）</v>
          </cell>
        </row>
        <row r="39">
          <cell r="B39" t="str">
            <v>現場管理費</v>
          </cell>
          <cell r="D39" t="str">
            <v>式</v>
          </cell>
          <cell r="E39">
            <v>1</v>
          </cell>
          <cell r="F39">
            <v>4005592</v>
          </cell>
          <cell r="G39">
            <v>4005592</v>
          </cell>
          <cell r="H39">
            <v>0</v>
          </cell>
          <cell r="I39">
            <v>0.43729999999999997</v>
          </cell>
          <cell r="L39" t="str">
            <v>全体</v>
          </cell>
          <cell r="M39" t="str">
            <v>補助分</v>
          </cell>
        </row>
        <row r="40">
          <cell r="L40">
            <v>9159828.4250000007</v>
          </cell>
          <cell r="M40">
            <v>9159828.4250000007</v>
          </cell>
        </row>
        <row r="41">
          <cell r="B41" t="str">
            <v>据付間接費</v>
          </cell>
          <cell r="C41" t="str">
            <v>据付技術者間接費</v>
          </cell>
          <cell r="D41" t="str">
            <v>式</v>
          </cell>
          <cell r="E41">
            <v>1</v>
          </cell>
          <cell r="F41">
            <v>428800</v>
          </cell>
          <cell r="G41">
            <v>428800</v>
          </cell>
          <cell r="H41">
            <v>0</v>
          </cell>
          <cell r="I41">
            <v>0.8</v>
          </cell>
        </row>
        <row r="42">
          <cell r="C42" t="str">
            <v>据付機器間接費</v>
          </cell>
          <cell r="D42" t="str">
            <v>式</v>
          </cell>
          <cell r="E42">
            <v>1</v>
          </cell>
          <cell r="F42">
            <v>852808</v>
          </cell>
          <cell r="G42">
            <v>852808</v>
          </cell>
          <cell r="H42">
            <v>0</v>
          </cell>
          <cell r="I42">
            <v>1.1599999999999999E-2</v>
          </cell>
        </row>
        <row r="43">
          <cell r="A43" t="str">
            <v>間接工事費計</v>
          </cell>
          <cell r="F43">
            <v>7243073</v>
          </cell>
          <cell r="G43">
            <v>7243073</v>
          </cell>
          <cell r="H43">
            <v>0</v>
          </cell>
        </row>
        <row r="44">
          <cell r="A44" t="str">
            <v>据付工事原価</v>
          </cell>
          <cell r="F44">
            <v>14447028.425000001</v>
          </cell>
          <cell r="G44">
            <v>14447028.425000001</v>
          </cell>
          <cell r="H44">
            <v>0</v>
          </cell>
          <cell r="L44" t="str">
            <v>設計技術費対象額
（機器費+据付工事原価）</v>
          </cell>
        </row>
        <row r="45">
          <cell r="L45" t="str">
            <v>全体</v>
          </cell>
          <cell r="M45" t="str">
            <v>補助分</v>
          </cell>
        </row>
        <row r="46">
          <cell r="A46" t="str">
            <v>設計技術費</v>
          </cell>
          <cell r="F46">
            <v>3140351</v>
          </cell>
          <cell r="G46">
            <v>3140351</v>
          </cell>
          <cell r="H46">
            <v>0</v>
          </cell>
          <cell r="I46">
            <v>3.5699999999999996E-2</v>
          </cell>
          <cell r="L46">
            <v>87965028.424999997</v>
          </cell>
          <cell r="M46">
            <v>87965028.424999997</v>
          </cell>
        </row>
        <row r="47">
          <cell r="A47" t="str">
            <v>工事原価　計</v>
          </cell>
          <cell r="F47">
            <v>17587379.425000001</v>
          </cell>
          <cell r="G47">
            <v>17587379.425000001</v>
          </cell>
          <cell r="H47">
            <v>0</v>
          </cell>
          <cell r="J47" t="str">
            <v>標準一般管理費率</v>
          </cell>
          <cell r="L47" t="str">
            <v>前金支出割合補正係数</v>
          </cell>
        </row>
        <row r="48">
          <cell r="A48" t="str">
            <v>一般管理費等</v>
          </cell>
          <cell r="D48" t="str">
            <v>式</v>
          </cell>
          <cell r="E48">
            <v>1</v>
          </cell>
          <cell r="F48">
            <v>3512199</v>
          </cell>
          <cell r="G48">
            <v>3512199</v>
          </cell>
          <cell r="H48">
            <v>0</v>
          </cell>
          <cell r="I48">
            <v>0.19970000000000002</v>
          </cell>
          <cell r="J48">
            <v>0.1993</v>
          </cell>
          <cell r="L48">
            <v>1</v>
          </cell>
        </row>
        <row r="49">
          <cell r="L49" t="str">
            <v>履行ボンド係数</v>
          </cell>
        </row>
        <row r="50">
          <cell r="L50">
            <v>4.0000000000000002E-4</v>
          </cell>
        </row>
        <row r="51">
          <cell r="A51" t="str">
            <v>工事価格　計</v>
          </cell>
          <cell r="F51">
            <v>94617578.424999997</v>
          </cell>
          <cell r="G51">
            <v>94617578.424999997</v>
          </cell>
          <cell r="H51">
            <v>0</v>
          </cell>
        </row>
        <row r="52">
          <cell r="B52" t="str">
            <v>（スクラップ処分費）</v>
          </cell>
          <cell r="D52" t="str">
            <v>式</v>
          </cell>
          <cell r="E52">
            <v>1</v>
          </cell>
          <cell r="F52">
            <v>0</v>
          </cell>
          <cell r="G52">
            <v>0</v>
          </cell>
          <cell r="H52">
            <v>0</v>
          </cell>
        </row>
        <row r="53">
          <cell r="A53" t="str">
            <v>工事価格　合計</v>
          </cell>
          <cell r="F53">
            <v>94617578.424999997</v>
          </cell>
          <cell r="G53">
            <v>94617578.424999997</v>
          </cell>
          <cell r="H53">
            <v>0</v>
          </cell>
          <cell r="L53" t="str">
            <v>地域補正係数　1</v>
          </cell>
        </row>
        <row r="54">
          <cell r="F54">
            <v>94617000</v>
          </cell>
          <cell r="G54">
            <v>94617000</v>
          </cell>
          <cell r="H54">
            <v>0</v>
          </cell>
          <cell r="J54" t="str">
            <v>（千円止）</v>
          </cell>
          <cell r="L54" t="str">
            <v>全体</v>
          </cell>
          <cell r="M54" t="str">
            <v>補助分</v>
          </cell>
        </row>
        <row r="55">
          <cell r="A55" t="str">
            <v>工事価格</v>
          </cell>
          <cell r="F55">
            <v>94617000</v>
          </cell>
          <cell r="G55">
            <v>94617000</v>
          </cell>
          <cell r="H55">
            <v>0</v>
          </cell>
          <cell r="J55" t="str">
            <v>（千円止）</v>
          </cell>
          <cell r="L55">
            <v>94617000</v>
          </cell>
          <cell r="M55">
            <v>94617000</v>
          </cell>
        </row>
        <row r="56">
          <cell r="A56" t="str">
            <v>消費税相当額</v>
          </cell>
          <cell r="D56" t="str">
            <v>式</v>
          </cell>
          <cell r="E56">
            <v>1</v>
          </cell>
          <cell r="F56">
            <v>4730850</v>
          </cell>
          <cell r="G56">
            <v>4730850</v>
          </cell>
          <cell r="H56">
            <v>0</v>
          </cell>
        </row>
        <row r="57">
          <cell r="A57" t="str">
            <v>合　　　計</v>
          </cell>
          <cell r="F57">
            <v>99347850</v>
          </cell>
          <cell r="G57">
            <v>99347850</v>
          </cell>
          <cell r="H57">
            <v>0</v>
          </cell>
        </row>
      </sheetData>
      <sheetData sheetId="9"/>
      <sheetData sheetId="10"/>
      <sheetData sheetId="11"/>
      <sheetData sheetId="12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空調見積 "/>
      <sheetName val="衛生見積 "/>
      <sheetName val="複合単価"/>
      <sheetName val="代価"/>
      <sheetName val="衛生表紙"/>
      <sheetName val="空調表紙 "/>
    </sheetNames>
    <sheetDataSet>
      <sheetData sheetId="0" refreshError="1"/>
      <sheetData sheetId="1"/>
      <sheetData sheetId="2" refreshError="1"/>
      <sheetData sheetId="3" refreshError="1"/>
      <sheetData sheetId="4"/>
      <sheetData sheetId="5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幹線計算-1"/>
      <sheetName val="変圧器"/>
      <sheetName val="換気計算1"/>
      <sheetName val="換気計算2"/>
    </sheetNames>
    <sheetDataSet>
      <sheetData sheetId="0"/>
      <sheetData sheetId="1"/>
      <sheetData sheetId="2"/>
      <sheetData sheetId="3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G35"/>
  <sheetViews>
    <sheetView showZeros="0" tabSelected="1" view="pageBreakPreview" zoomScaleNormal="100" zoomScaleSheetLayoutView="80" workbookViewId="0">
      <pane xSplit="4" ySplit="3" topLeftCell="E4" activePane="bottomRight" state="frozen"/>
      <selection activeCell="Q13" sqref="Q13:T13"/>
      <selection pane="topRight" activeCell="Q13" sqref="Q13:T13"/>
      <selection pane="bottomLeft" activeCell="Q13" sqref="Q13:T13"/>
      <selection pane="bottomRight" activeCell="A21" sqref="A21"/>
    </sheetView>
  </sheetViews>
  <sheetFormatPr defaultRowHeight="13.5"/>
  <cols>
    <col min="1" max="1" width="4.625" style="10" customWidth="1"/>
    <col min="2" max="2" width="26.75" style="2" customWidth="1"/>
    <col min="3" max="3" width="28.75" style="2" customWidth="1"/>
    <col min="4" max="4" width="4.875" style="10" customWidth="1"/>
    <col min="5" max="5" width="13.625" style="29" customWidth="1"/>
    <col min="6" max="6" width="24.25" style="11" customWidth="1"/>
    <col min="7" max="7" width="28.375" style="31" customWidth="1"/>
    <col min="8" max="16384" width="9" style="2"/>
  </cols>
  <sheetData>
    <row r="1" spans="1:7" ht="22.5" customHeight="1">
      <c r="A1" s="54" t="s">
        <v>25</v>
      </c>
    </row>
    <row r="2" spans="1:7" ht="18.95" customHeight="1">
      <c r="A2" s="65" t="s">
        <v>26</v>
      </c>
      <c r="B2" s="66"/>
      <c r="C2" s="66"/>
      <c r="D2" s="55"/>
      <c r="E2" s="56"/>
      <c r="F2" s="57"/>
      <c r="G2" s="58"/>
    </row>
    <row r="3" spans="1:7" ht="15.95" customHeight="1" thickBot="1">
      <c r="A3" s="35" t="s">
        <v>0</v>
      </c>
      <c r="B3" s="36" t="s">
        <v>1</v>
      </c>
      <c r="C3" s="36" t="s">
        <v>2</v>
      </c>
      <c r="D3" s="36" t="s">
        <v>3</v>
      </c>
      <c r="E3" s="25" t="s">
        <v>4</v>
      </c>
      <c r="F3" s="3" t="s">
        <v>5</v>
      </c>
      <c r="G3" s="37" t="s">
        <v>6</v>
      </c>
    </row>
    <row r="4" spans="1:7" ht="15.95" customHeight="1" thickTop="1">
      <c r="A4" s="39"/>
      <c r="B4" s="24" t="s">
        <v>9</v>
      </c>
      <c r="C4" s="38"/>
      <c r="D4" s="44"/>
      <c r="E4" s="26"/>
      <c r="F4" s="4"/>
      <c r="G4" s="30"/>
    </row>
    <row r="5" spans="1:7" ht="15.95" customHeight="1">
      <c r="A5" s="12" t="s">
        <v>10</v>
      </c>
      <c r="B5" s="13" t="s">
        <v>11</v>
      </c>
      <c r="C5" s="38"/>
      <c r="D5" s="44"/>
      <c r="E5" s="26"/>
      <c r="F5" s="4"/>
      <c r="G5" s="30"/>
    </row>
    <row r="6" spans="1:7" ht="15.95" customHeight="1">
      <c r="A6" s="39"/>
      <c r="B6" s="40"/>
      <c r="C6" s="40"/>
      <c r="D6" s="42"/>
      <c r="E6" s="27"/>
      <c r="F6" s="46"/>
      <c r="G6" s="7"/>
    </row>
    <row r="7" spans="1:7" ht="15.95" customHeight="1">
      <c r="A7" s="39"/>
      <c r="B7" s="41" t="s">
        <v>12</v>
      </c>
      <c r="C7" s="41"/>
      <c r="D7" s="43" t="s">
        <v>13</v>
      </c>
      <c r="E7" s="49">
        <v>1</v>
      </c>
      <c r="F7" s="47"/>
      <c r="G7" s="9"/>
    </row>
    <row r="8" spans="1:7" ht="15.95" customHeight="1">
      <c r="A8" s="39"/>
      <c r="B8" s="40"/>
      <c r="C8" s="40"/>
      <c r="D8" s="17"/>
      <c r="E8" s="22"/>
      <c r="F8" s="46"/>
      <c r="G8" s="7"/>
    </row>
    <row r="9" spans="1:7" ht="15.95" customHeight="1">
      <c r="A9" s="39"/>
      <c r="B9" s="14" t="s">
        <v>21</v>
      </c>
      <c r="C9" s="14"/>
      <c r="D9" s="43" t="s">
        <v>13</v>
      </c>
      <c r="E9" s="28">
        <v>1</v>
      </c>
      <c r="F9" s="47"/>
      <c r="G9" s="9"/>
    </row>
    <row r="10" spans="1:7" ht="15.95" customHeight="1">
      <c r="A10" s="39"/>
      <c r="B10" s="16"/>
      <c r="C10" s="34"/>
      <c r="D10" s="17"/>
      <c r="E10" s="22"/>
      <c r="F10" s="46"/>
      <c r="G10" s="32"/>
    </row>
    <row r="11" spans="1:7" ht="15.95" customHeight="1">
      <c r="A11" s="39"/>
      <c r="B11" s="14" t="s">
        <v>22</v>
      </c>
      <c r="C11" s="14"/>
      <c r="D11" s="15" t="s">
        <v>20</v>
      </c>
      <c r="E11" s="28">
        <v>1</v>
      </c>
      <c r="F11" s="47"/>
      <c r="G11" s="33"/>
    </row>
    <row r="12" spans="1:7" ht="15.95" customHeight="1">
      <c r="A12" s="39"/>
      <c r="B12" s="16"/>
      <c r="C12" s="16"/>
      <c r="D12" s="17"/>
      <c r="E12" s="22"/>
      <c r="F12" s="46"/>
      <c r="G12" s="32"/>
    </row>
    <row r="13" spans="1:7" ht="15.95" customHeight="1">
      <c r="A13" s="39"/>
      <c r="B13" s="14" t="s">
        <v>23</v>
      </c>
      <c r="C13" s="14"/>
      <c r="D13" s="15" t="s">
        <v>24</v>
      </c>
      <c r="E13" s="28">
        <v>1</v>
      </c>
      <c r="F13" s="47"/>
      <c r="G13" s="33"/>
    </row>
    <row r="14" spans="1:7" ht="15.95" customHeight="1">
      <c r="A14" s="39"/>
      <c r="B14" s="16"/>
      <c r="C14" s="16"/>
      <c r="D14" s="17"/>
      <c r="E14" s="22"/>
      <c r="F14" s="46"/>
      <c r="G14" s="32"/>
    </row>
    <row r="15" spans="1:7" ht="15.95" customHeight="1">
      <c r="A15" s="39"/>
      <c r="B15" s="14"/>
      <c r="C15" s="14"/>
      <c r="D15" s="15"/>
      <c r="E15" s="28"/>
      <c r="F15" s="47"/>
      <c r="G15" s="33"/>
    </row>
    <row r="16" spans="1:7" ht="15.95" customHeight="1">
      <c r="A16" s="39"/>
      <c r="B16" s="13"/>
      <c r="C16" s="13"/>
      <c r="D16" s="17"/>
      <c r="E16" s="22"/>
      <c r="F16" s="46"/>
      <c r="G16" s="30"/>
    </row>
    <row r="17" spans="1:7" ht="15.95" customHeight="1">
      <c r="A17" s="39"/>
      <c r="B17" s="52" t="s">
        <v>7</v>
      </c>
      <c r="C17" s="53"/>
      <c r="D17" s="18"/>
      <c r="E17" s="21"/>
      <c r="F17" s="4"/>
      <c r="G17" s="30"/>
    </row>
    <row r="18" spans="1:7" ht="15.95" customHeight="1">
      <c r="A18" s="39"/>
      <c r="B18" s="61"/>
      <c r="C18" s="62"/>
      <c r="D18" s="17"/>
      <c r="E18" s="22"/>
      <c r="F18" s="46"/>
      <c r="G18" s="32"/>
    </row>
    <row r="19" spans="1:7" ht="15.95" customHeight="1">
      <c r="A19" s="39"/>
      <c r="B19" s="63"/>
      <c r="C19" s="64"/>
      <c r="D19" s="15"/>
      <c r="E19" s="28"/>
      <c r="F19" s="47"/>
      <c r="G19" s="33"/>
    </row>
    <row r="20" spans="1:7" ht="15.95" customHeight="1">
      <c r="A20" s="39"/>
      <c r="B20" s="16"/>
      <c r="C20" s="16"/>
      <c r="D20" s="17"/>
      <c r="E20" s="22"/>
      <c r="F20" s="46"/>
      <c r="G20" s="7"/>
    </row>
    <row r="21" spans="1:7" ht="15.95" customHeight="1">
      <c r="A21" s="39" t="s">
        <v>14</v>
      </c>
      <c r="B21" s="13" t="s">
        <v>15</v>
      </c>
      <c r="C21" s="13"/>
      <c r="D21" s="15"/>
      <c r="E21" s="28"/>
      <c r="F21" s="47"/>
      <c r="G21" s="5"/>
    </row>
    <row r="22" spans="1:7" ht="15.95" customHeight="1">
      <c r="A22" s="1"/>
      <c r="B22" s="16"/>
      <c r="C22" s="16"/>
      <c r="D22" s="17"/>
      <c r="E22" s="22"/>
      <c r="F22" s="6"/>
      <c r="G22" s="7"/>
    </row>
    <row r="23" spans="1:7" ht="15.95" customHeight="1">
      <c r="A23" s="1"/>
      <c r="B23" s="14" t="s">
        <v>16</v>
      </c>
      <c r="C23" s="14"/>
      <c r="D23" s="15" t="s">
        <v>8</v>
      </c>
      <c r="E23" s="28">
        <v>1</v>
      </c>
      <c r="F23" s="8"/>
      <c r="G23" s="9"/>
    </row>
    <row r="24" spans="1:7" ht="15.95" customHeight="1">
      <c r="A24" s="1"/>
      <c r="B24" s="16"/>
      <c r="C24" s="16"/>
      <c r="D24" s="17"/>
      <c r="E24" s="22"/>
      <c r="F24" s="46"/>
      <c r="G24" s="7"/>
    </row>
    <row r="25" spans="1:7" ht="15.95" customHeight="1">
      <c r="A25" s="1"/>
      <c r="B25" s="14" t="s">
        <v>17</v>
      </c>
      <c r="C25" s="14"/>
      <c r="D25" s="15" t="s">
        <v>8</v>
      </c>
      <c r="E25" s="28">
        <v>1</v>
      </c>
      <c r="F25" s="47"/>
      <c r="G25" s="9"/>
    </row>
    <row r="26" spans="1:7" ht="15.95" customHeight="1">
      <c r="A26" s="1"/>
      <c r="B26" s="16"/>
      <c r="C26" s="16"/>
      <c r="D26" s="17"/>
      <c r="E26" s="22"/>
      <c r="F26" s="46"/>
      <c r="G26" s="7"/>
    </row>
    <row r="27" spans="1:7" ht="15.95" customHeight="1">
      <c r="A27" s="1"/>
      <c r="B27" s="23" t="s">
        <v>18</v>
      </c>
      <c r="C27" s="13"/>
      <c r="D27" s="15" t="s">
        <v>8</v>
      </c>
      <c r="E27" s="28">
        <v>1</v>
      </c>
      <c r="F27" s="47"/>
      <c r="G27" s="9"/>
    </row>
    <row r="28" spans="1:7" ht="15.95" customHeight="1">
      <c r="A28" s="1"/>
      <c r="B28" s="16"/>
      <c r="C28" s="16"/>
      <c r="D28" s="17"/>
      <c r="E28" s="22"/>
      <c r="F28" s="46"/>
      <c r="G28" s="7"/>
    </row>
    <row r="29" spans="1:7" ht="15.95" customHeight="1">
      <c r="A29" s="1"/>
      <c r="B29" s="14" t="s">
        <v>27</v>
      </c>
      <c r="C29" s="14"/>
      <c r="D29" s="15"/>
      <c r="E29" s="28">
        <v>1</v>
      </c>
      <c r="F29" s="47"/>
      <c r="G29" s="9"/>
    </row>
    <row r="30" spans="1:7" ht="15.95" customHeight="1">
      <c r="A30" s="39"/>
      <c r="B30" s="13"/>
      <c r="C30" s="13"/>
      <c r="D30" s="18"/>
      <c r="E30" s="21"/>
      <c r="F30" s="4"/>
      <c r="G30" s="5"/>
    </row>
    <row r="31" spans="1:7" ht="15.95" customHeight="1">
      <c r="A31" s="39"/>
      <c r="B31" s="13"/>
      <c r="C31" s="13"/>
      <c r="D31" s="18"/>
      <c r="E31" s="21"/>
      <c r="F31" s="4"/>
      <c r="G31" s="5"/>
    </row>
    <row r="32" spans="1:7" ht="15.95" customHeight="1">
      <c r="A32" s="1"/>
      <c r="B32" s="16"/>
      <c r="C32" s="16"/>
      <c r="D32" s="17"/>
      <c r="E32" s="22"/>
      <c r="F32" s="46"/>
      <c r="G32" s="7"/>
    </row>
    <row r="33" spans="1:7" ht="15.95" customHeight="1">
      <c r="A33" s="39"/>
      <c r="B33" s="14" t="s">
        <v>19</v>
      </c>
      <c r="C33" s="14"/>
      <c r="D33" s="15" t="s">
        <v>8</v>
      </c>
      <c r="E33" s="28">
        <v>1</v>
      </c>
      <c r="F33" s="47"/>
      <c r="G33" s="50"/>
    </row>
    <row r="34" spans="1:7" ht="15.95" customHeight="1">
      <c r="A34" s="39"/>
      <c r="B34" s="13"/>
      <c r="C34" s="13"/>
      <c r="D34" s="18"/>
      <c r="E34" s="21"/>
      <c r="F34" s="4"/>
      <c r="G34" s="51"/>
    </row>
    <row r="35" spans="1:7" ht="15.95" customHeight="1">
      <c r="A35" s="45"/>
      <c r="B35" s="59"/>
      <c r="C35" s="59"/>
      <c r="D35" s="19"/>
      <c r="E35" s="20"/>
      <c r="F35" s="48"/>
      <c r="G35" s="60"/>
    </row>
  </sheetData>
  <mergeCells count="1">
    <mergeCell ref="A2:C2"/>
  </mergeCells>
  <phoneticPr fontId="4"/>
  <printOptions gridLinesSet="0"/>
  <pageMargins left="0.59055118110236227" right="0.6692913385826772" top="0.59055118110236227" bottom="0.23622047244094491" header="0" footer="0.19685039370078741"/>
  <pageSetup paperSize="9" orientation="landscape" useFirstPageNumber="1" horizontalDpi="4294967294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内訳書</vt:lpstr>
      <vt:lpstr>'0内訳書'!Print_Titles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indows ユーザー</cp:lastModifiedBy>
  <cp:lastPrinted>2017-10-03T04:01:02Z</cp:lastPrinted>
  <dcterms:created xsi:type="dcterms:W3CDTF">1998-06-17T01:48:07Z</dcterms:created>
  <dcterms:modified xsi:type="dcterms:W3CDTF">2017-10-13T07:12:29Z</dcterms:modified>
</cp:coreProperties>
</file>